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507\04_法人指導グループ\03_医療法（文書・証明願）\09_医療機関名簿\R8年度\07_最終ホームページアップデータ\"/>
    </mc:Choice>
  </mc:AlternateContent>
  <xr:revisionPtr revIDLastSave="0" documentId="13_ncr:1_{73C50CD9-9329-4CCA-8D42-EF1474E0870B}" xr6:coauthVersionLast="47" xr6:coauthVersionMax="47" xr10:uidLastSave="{00000000-0000-0000-0000-000000000000}"/>
  <bookViews>
    <workbookView xWindow="28680" yWindow="-120" windowWidth="29040" windowHeight="15720" activeTab="2" xr2:uid="{00000000-000D-0000-FFFF-FFFF00000000}"/>
  </bookViews>
  <sheets>
    <sheet name="凡例" sheetId="5" r:id="rId1"/>
    <sheet name="診療科目略称 1" sheetId="4" r:id="rId2"/>
    <sheet name="診療科目略称２" sheetId="2" r:id="rId3"/>
  </sheets>
  <definedNames>
    <definedName name="_xlnm.Print_Area" localSheetId="1">'診療科目略称 1'!$B$2:$I$26</definedName>
    <definedName name="_xlnm.Print_Area" localSheetId="2">診療科目略称２!$B$2:$I$26</definedName>
    <definedName name="_xlnm.Print_Area" localSheetId="0">凡例!$B$2:$C$19</definedName>
  </definedNames>
  <calcPr calcId="125725"/>
</workbook>
</file>

<file path=xl/sharedStrings.xml><?xml version="1.0" encoding="utf-8"?>
<sst xmlns="http://schemas.openxmlformats.org/spreadsheetml/2006/main" count="331" uniqueCount="329">
  <si>
    <t>略称</t>
    <rPh sb="0" eb="1">
      <t>リャク</t>
    </rPh>
    <rPh sb="1" eb="2">
      <t>ショウ</t>
    </rPh>
    <phoneticPr fontId="1"/>
  </si>
  <si>
    <t>診療科名</t>
    <rPh sb="0" eb="2">
      <t>シンリョウ</t>
    </rPh>
    <rPh sb="2" eb="4">
      <t>カメイ</t>
    </rPh>
    <phoneticPr fontId="1"/>
  </si>
  <si>
    <t>(別表）</t>
    <rPh sb="1" eb="2">
      <t>ベツ</t>
    </rPh>
    <rPh sb="2" eb="3">
      <t>ヒョウ</t>
    </rPh>
    <phoneticPr fontId="1"/>
  </si>
  <si>
    <t>内</t>
    <rPh sb="0" eb="1">
      <t>ナイ</t>
    </rPh>
    <phoneticPr fontId="1"/>
  </si>
  <si>
    <t>内科</t>
    <rPh sb="0" eb="2">
      <t>ナイカ</t>
    </rPh>
    <phoneticPr fontId="1"/>
  </si>
  <si>
    <t>内分内</t>
    <rPh sb="0" eb="1">
      <t>ナイ</t>
    </rPh>
    <rPh sb="1" eb="2">
      <t>ブン</t>
    </rPh>
    <rPh sb="2" eb="3">
      <t>ナイ</t>
    </rPh>
    <phoneticPr fontId="1"/>
  </si>
  <si>
    <t>内分泌内科</t>
    <rPh sb="0" eb="3">
      <t>ナイブンピツ</t>
    </rPh>
    <rPh sb="3" eb="5">
      <t>ナイカ</t>
    </rPh>
    <phoneticPr fontId="1"/>
  </si>
  <si>
    <t>児精</t>
    <rPh sb="0" eb="1">
      <t>ジ</t>
    </rPh>
    <rPh sb="1" eb="2">
      <t>セイ</t>
    </rPh>
    <phoneticPr fontId="1"/>
  </si>
  <si>
    <t>児童精神科</t>
    <rPh sb="0" eb="2">
      <t>ジドウ</t>
    </rPh>
    <rPh sb="2" eb="4">
      <t>セイシン</t>
    </rPh>
    <rPh sb="4" eb="5">
      <t>カ</t>
    </rPh>
    <phoneticPr fontId="1"/>
  </si>
  <si>
    <t>外</t>
    <rPh sb="0" eb="1">
      <t>ゲ</t>
    </rPh>
    <phoneticPr fontId="1"/>
  </si>
  <si>
    <t>外科</t>
    <rPh sb="0" eb="2">
      <t>ゲカ</t>
    </rPh>
    <phoneticPr fontId="1"/>
  </si>
  <si>
    <t>呼</t>
    <rPh sb="0" eb="1">
      <t>コ</t>
    </rPh>
    <phoneticPr fontId="1"/>
  </si>
  <si>
    <t>思精</t>
    <rPh sb="0" eb="1">
      <t>オモウ</t>
    </rPh>
    <rPh sb="1" eb="2">
      <t>セイ</t>
    </rPh>
    <phoneticPr fontId="1"/>
  </si>
  <si>
    <t>思春期精神科</t>
    <rPh sb="0" eb="3">
      <t>シシュンキ</t>
    </rPh>
    <rPh sb="3" eb="5">
      <t>セイシン</t>
    </rPh>
    <rPh sb="5" eb="6">
      <t>カ</t>
    </rPh>
    <phoneticPr fontId="1"/>
  </si>
  <si>
    <t>呼外</t>
    <rPh sb="0" eb="1">
      <t>コ</t>
    </rPh>
    <rPh sb="1" eb="2">
      <t>ゲ</t>
    </rPh>
    <phoneticPr fontId="1"/>
  </si>
  <si>
    <t>呼吸器外科</t>
    <rPh sb="0" eb="3">
      <t>コキュウキ</t>
    </rPh>
    <rPh sb="3" eb="5">
      <t>ゲカ</t>
    </rPh>
    <phoneticPr fontId="1"/>
  </si>
  <si>
    <t>呼内</t>
    <rPh sb="0" eb="1">
      <t>コ</t>
    </rPh>
    <rPh sb="1" eb="2">
      <t>ナイ</t>
    </rPh>
    <phoneticPr fontId="1"/>
  </si>
  <si>
    <t>内科(呼吸器）/
呼吸器内科</t>
    <rPh sb="0" eb="2">
      <t>ナイカ</t>
    </rPh>
    <rPh sb="3" eb="6">
      <t>コキュウキ</t>
    </rPh>
    <rPh sb="9" eb="12">
      <t>コキュウキ</t>
    </rPh>
    <rPh sb="12" eb="14">
      <t>ナイカ</t>
    </rPh>
    <phoneticPr fontId="1"/>
  </si>
  <si>
    <t>感内</t>
    <rPh sb="0" eb="1">
      <t>カン</t>
    </rPh>
    <rPh sb="1" eb="2">
      <t>ナイ</t>
    </rPh>
    <phoneticPr fontId="1"/>
  </si>
  <si>
    <t>感染症内科</t>
    <rPh sb="0" eb="3">
      <t>カンセンショウ</t>
    </rPh>
    <rPh sb="3" eb="5">
      <t>ナイカ</t>
    </rPh>
    <phoneticPr fontId="1"/>
  </si>
  <si>
    <t>循外</t>
    <rPh sb="0" eb="1">
      <t>メグル</t>
    </rPh>
    <rPh sb="1" eb="2">
      <t>ソト</t>
    </rPh>
    <phoneticPr fontId="1"/>
  </si>
  <si>
    <t>循環器外科</t>
    <rPh sb="0" eb="3">
      <t>ジュンカンキ</t>
    </rPh>
    <rPh sb="3" eb="5">
      <t>ゲカ</t>
    </rPh>
    <phoneticPr fontId="1"/>
  </si>
  <si>
    <t>漢内</t>
    <rPh sb="0" eb="1">
      <t>カラ</t>
    </rPh>
    <rPh sb="1" eb="2">
      <t>ナイ</t>
    </rPh>
    <phoneticPr fontId="1"/>
  </si>
  <si>
    <t>漢方内科</t>
    <rPh sb="0" eb="2">
      <t>カンポウ</t>
    </rPh>
    <rPh sb="2" eb="4">
      <t>ナイカ</t>
    </rPh>
    <phoneticPr fontId="1"/>
  </si>
  <si>
    <t>消外</t>
    <rPh sb="0" eb="1">
      <t>ショウ</t>
    </rPh>
    <rPh sb="1" eb="2">
      <t>ガイ</t>
    </rPh>
    <phoneticPr fontId="1"/>
  </si>
  <si>
    <t>消化器外科</t>
    <rPh sb="0" eb="3">
      <t>ショウカキ</t>
    </rPh>
    <rPh sb="3" eb="5">
      <t>ゲカ</t>
    </rPh>
    <phoneticPr fontId="1"/>
  </si>
  <si>
    <t>呼感内</t>
    <rPh sb="0" eb="1">
      <t>コ</t>
    </rPh>
    <rPh sb="1" eb="2">
      <t>カン</t>
    </rPh>
    <rPh sb="2" eb="3">
      <t>ナイ</t>
    </rPh>
    <phoneticPr fontId="1"/>
  </si>
  <si>
    <t>呼吸器・感染症内科</t>
    <rPh sb="0" eb="3">
      <t>コキュウキ</t>
    </rPh>
    <rPh sb="4" eb="6">
      <t>カンセン</t>
    </rPh>
    <rPh sb="6" eb="7">
      <t>ショウ</t>
    </rPh>
    <rPh sb="7" eb="9">
      <t>ナイカ</t>
    </rPh>
    <phoneticPr fontId="1"/>
  </si>
  <si>
    <t>糖内</t>
    <rPh sb="0" eb="1">
      <t>トウ</t>
    </rPh>
    <rPh sb="1" eb="2">
      <t>ナイ</t>
    </rPh>
    <phoneticPr fontId="1"/>
  </si>
  <si>
    <t>糖尿病内科/
糖尿病・内科</t>
    <rPh sb="7" eb="10">
      <t>トウニョウビョウ</t>
    </rPh>
    <rPh sb="11" eb="13">
      <t>ナイカ</t>
    </rPh>
    <phoneticPr fontId="1"/>
  </si>
  <si>
    <t>老内</t>
    <rPh sb="0" eb="1">
      <t>ロウ</t>
    </rPh>
    <rPh sb="1" eb="2">
      <t>ナイ</t>
    </rPh>
    <phoneticPr fontId="1"/>
  </si>
  <si>
    <t>老年内科/老人内科</t>
    <rPh sb="0" eb="2">
      <t>ロウネン</t>
    </rPh>
    <rPh sb="2" eb="4">
      <t>ナイカ</t>
    </rPh>
    <rPh sb="5" eb="7">
      <t>ロウジン</t>
    </rPh>
    <rPh sb="7" eb="9">
      <t>ナイカ</t>
    </rPh>
    <phoneticPr fontId="1"/>
  </si>
  <si>
    <t>心血</t>
    <rPh sb="0" eb="1">
      <t>シン</t>
    </rPh>
    <rPh sb="1" eb="2">
      <t>ケツ</t>
    </rPh>
    <phoneticPr fontId="1"/>
  </si>
  <si>
    <t>心臓血管外科</t>
    <rPh sb="0" eb="2">
      <t>シンゾウ</t>
    </rPh>
    <rPh sb="2" eb="4">
      <t>ケッカン</t>
    </rPh>
    <rPh sb="4" eb="6">
      <t>ゲカ</t>
    </rPh>
    <phoneticPr fontId="1"/>
  </si>
  <si>
    <t>循</t>
    <rPh sb="0" eb="1">
      <t>メグル</t>
    </rPh>
    <phoneticPr fontId="1"/>
  </si>
  <si>
    <t>老精</t>
    <rPh sb="0" eb="1">
      <t>ロウ</t>
    </rPh>
    <rPh sb="1" eb="2">
      <t>ショウ</t>
    </rPh>
    <phoneticPr fontId="1"/>
  </si>
  <si>
    <t>老年精神科</t>
    <rPh sb="0" eb="2">
      <t>ロウネン</t>
    </rPh>
    <rPh sb="2" eb="4">
      <t>セイシン</t>
    </rPh>
    <rPh sb="4" eb="5">
      <t>カ</t>
    </rPh>
    <phoneticPr fontId="1"/>
  </si>
  <si>
    <t>心外</t>
    <rPh sb="0" eb="1">
      <t>シン</t>
    </rPh>
    <rPh sb="1" eb="2">
      <t>ゲ</t>
    </rPh>
    <phoneticPr fontId="1"/>
  </si>
  <si>
    <t>心臓外科</t>
    <rPh sb="0" eb="2">
      <t>シンゾウ</t>
    </rPh>
    <rPh sb="2" eb="4">
      <t>ゲカ</t>
    </rPh>
    <phoneticPr fontId="1"/>
  </si>
  <si>
    <t>循内</t>
    <rPh sb="0" eb="1">
      <t>メグル</t>
    </rPh>
    <rPh sb="1" eb="2">
      <t>ウチ</t>
    </rPh>
    <phoneticPr fontId="1"/>
  </si>
  <si>
    <t>内科(循環器）/
循環器内科</t>
    <rPh sb="0" eb="2">
      <t>ナイカ</t>
    </rPh>
    <rPh sb="3" eb="6">
      <t>ジュンカンキ</t>
    </rPh>
    <rPh sb="9" eb="12">
      <t>ジュンカンキ</t>
    </rPh>
    <rPh sb="12" eb="14">
      <t>ナイカ</t>
    </rPh>
    <phoneticPr fontId="1"/>
  </si>
  <si>
    <t>糖内内</t>
    <rPh sb="0" eb="1">
      <t>トウ</t>
    </rPh>
    <rPh sb="1" eb="2">
      <t>ナイ</t>
    </rPh>
    <rPh sb="2" eb="3">
      <t>ナイ</t>
    </rPh>
    <phoneticPr fontId="1"/>
  </si>
  <si>
    <t>糖尿病・内分泌内科/糖尿病内分泌内科/
内分泌糖尿病内科</t>
  </si>
  <si>
    <t>老神内</t>
    <rPh sb="0" eb="1">
      <t>ロウ</t>
    </rPh>
    <rPh sb="1" eb="2">
      <t>カミ</t>
    </rPh>
    <rPh sb="2" eb="3">
      <t>ナイ</t>
    </rPh>
    <phoneticPr fontId="1"/>
  </si>
  <si>
    <t>老年神経内科</t>
    <rPh sb="0" eb="2">
      <t>ロウネン</t>
    </rPh>
    <rPh sb="2" eb="4">
      <t>シンケイ</t>
    </rPh>
    <rPh sb="4" eb="6">
      <t>ナイカ</t>
    </rPh>
    <phoneticPr fontId="1"/>
  </si>
  <si>
    <t>血外</t>
    <rPh sb="0" eb="1">
      <t>ケツ</t>
    </rPh>
    <rPh sb="1" eb="2">
      <t>ゲ</t>
    </rPh>
    <phoneticPr fontId="1"/>
  </si>
  <si>
    <t>血管外科</t>
    <rPh sb="0" eb="2">
      <t>ケッカン</t>
    </rPh>
    <rPh sb="2" eb="4">
      <t>ゲカ</t>
    </rPh>
    <phoneticPr fontId="1"/>
  </si>
  <si>
    <t>女内</t>
    <rPh sb="0" eb="1">
      <t>ジョ</t>
    </rPh>
    <rPh sb="1" eb="2">
      <t>ナイ</t>
    </rPh>
    <phoneticPr fontId="1"/>
  </si>
  <si>
    <t>女性内科</t>
    <rPh sb="0" eb="2">
      <t>ジョセイ</t>
    </rPh>
    <rPh sb="2" eb="4">
      <t>ナイカ</t>
    </rPh>
    <phoneticPr fontId="1"/>
  </si>
  <si>
    <t>気</t>
    <rPh sb="0" eb="1">
      <t>キ</t>
    </rPh>
    <phoneticPr fontId="1"/>
  </si>
  <si>
    <t>消</t>
    <rPh sb="0" eb="1">
      <t>ケ</t>
    </rPh>
    <phoneticPr fontId="1"/>
  </si>
  <si>
    <t>小</t>
    <rPh sb="0" eb="1">
      <t>ショウ</t>
    </rPh>
    <phoneticPr fontId="1"/>
  </si>
  <si>
    <t>小児科</t>
    <rPh sb="0" eb="3">
      <t>ショウニカ</t>
    </rPh>
    <phoneticPr fontId="1"/>
  </si>
  <si>
    <t>気外</t>
    <rPh sb="0" eb="1">
      <t>キ</t>
    </rPh>
    <rPh sb="1" eb="2">
      <t>ゲ</t>
    </rPh>
    <phoneticPr fontId="1"/>
  </si>
  <si>
    <t>気管食道外科</t>
    <rPh sb="0" eb="2">
      <t>キカン</t>
    </rPh>
    <rPh sb="2" eb="4">
      <t>ショクドウ</t>
    </rPh>
    <rPh sb="4" eb="6">
      <t>ゲカ</t>
    </rPh>
    <phoneticPr fontId="1"/>
  </si>
  <si>
    <t>消内</t>
    <rPh sb="0" eb="1">
      <t>ショウ</t>
    </rPh>
    <rPh sb="1" eb="2">
      <t>ナイ</t>
    </rPh>
    <phoneticPr fontId="1"/>
  </si>
  <si>
    <t>内科(消化器）/
消化器内科</t>
    <rPh sb="0" eb="2">
      <t>ナイカ</t>
    </rPh>
    <rPh sb="3" eb="6">
      <t>ショウカキ</t>
    </rPh>
    <rPh sb="9" eb="12">
      <t>ショウカキ</t>
    </rPh>
    <rPh sb="12" eb="14">
      <t>ナイカ</t>
    </rPh>
    <phoneticPr fontId="1"/>
  </si>
  <si>
    <t>腎内</t>
    <rPh sb="0" eb="1">
      <t>ジン</t>
    </rPh>
    <rPh sb="1" eb="2">
      <t>ナイ</t>
    </rPh>
    <phoneticPr fontId="1"/>
  </si>
  <si>
    <t>腎臓内科</t>
    <rPh sb="0" eb="2">
      <t>ジンゾウ</t>
    </rPh>
    <rPh sb="2" eb="4">
      <t>ナイカ</t>
    </rPh>
    <phoneticPr fontId="1"/>
  </si>
  <si>
    <t>小内</t>
    <rPh sb="0" eb="1">
      <t>ショウ</t>
    </rPh>
    <rPh sb="1" eb="2">
      <t>ナイ</t>
    </rPh>
    <phoneticPr fontId="1"/>
  </si>
  <si>
    <t>小児内科</t>
    <rPh sb="0" eb="2">
      <t>ショウニ</t>
    </rPh>
    <rPh sb="2" eb="4">
      <t>ナイカ</t>
    </rPh>
    <phoneticPr fontId="1"/>
  </si>
  <si>
    <t>胃外</t>
    <rPh sb="0" eb="1">
      <t>イ</t>
    </rPh>
    <rPh sb="1" eb="2">
      <t>ゲ</t>
    </rPh>
    <phoneticPr fontId="1"/>
  </si>
  <si>
    <t>透内</t>
    <rPh sb="0" eb="1">
      <t>トオル</t>
    </rPh>
    <rPh sb="1" eb="2">
      <t>ナイ</t>
    </rPh>
    <phoneticPr fontId="1"/>
  </si>
  <si>
    <t>人工透析内科</t>
    <rPh sb="0" eb="2">
      <t>ジンコウ</t>
    </rPh>
    <rPh sb="2" eb="4">
      <t>トウセキ</t>
    </rPh>
    <rPh sb="4" eb="6">
      <t>ナイカ</t>
    </rPh>
    <phoneticPr fontId="1"/>
  </si>
  <si>
    <t>小循内</t>
    <rPh sb="0" eb="1">
      <t>ショウ</t>
    </rPh>
    <rPh sb="1" eb="2">
      <t>ジュン</t>
    </rPh>
    <rPh sb="2" eb="3">
      <t>ナイ</t>
    </rPh>
    <phoneticPr fontId="1"/>
  </si>
  <si>
    <t>小児循環器内科</t>
    <rPh sb="0" eb="2">
      <t>ショウニ</t>
    </rPh>
    <rPh sb="2" eb="5">
      <t>ジュンカンキ</t>
    </rPh>
    <rPh sb="5" eb="7">
      <t>ナイカ</t>
    </rPh>
    <phoneticPr fontId="1"/>
  </si>
  <si>
    <t>胃腸外</t>
    <rPh sb="0" eb="2">
      <t>イチョウ</t>
    </rPh>
    <rPh sb="2" eb="3">
      <t>ゲ</t>
    </rPh>
    <phoneticPr fontId="1"/>
  </si>
  <si>
    <t>胃腸外科</t>
    <rPh sb="0" eb="2">
      <t>イチョウ</t>
    </rPh>
    <rPh sb="2" eb="4">
      <t>ゲカ</t>
    </rPh>
    <phoneticPr fontId="1"/>
  </si>
  <si>
    <t>消肝内</t>
    <rPh sb="0" eb="1">
      <t>ショウ</t>
    </rPh>
    <rPh sb="1" eb="2">
      <t>キモ</t>
    </rPh>
    <rPh sb="2" eb="3">
      <t>ナイ</t>
    </rPh>
    <phoneticPr fontId="1"/>
  </si>
  <si>
    <t>消化器・肝臓内科</t>
    <rPh sb="0" eb="3">
      <t>ショウカキ</t>
    </rPh>
    <rPh sb="4" eb="6">
      <t>カンゾウ</t>
    </rPh>
    <rPh sb="6" eb="8">
      <t>ナイカ</t>
    </rPh>
    <phoneticPr fontId="1"/>
  </si>
  <si>
    <t>腎透内</t>
    <rPh sb="0" eb="1">
      <t>ジン</t>
    </rPh>
    <rPh sb="1" eb="2">
      <t>トオル</t>
    </rPh>
    <rPh sb="2" eb="3">
      <t>ウチ</t>
    </rPh>
    <phoneticPr fontId="1"/>
  </si>
  <si>
    <t>小神内</t>
    <rPh sb="0" eb="1">
      <t>ショウ</t>
    </rPh>
    <rPh sb="1" eb="2">
      <t>シン</t>
    </rPh>
    <rPh sb="2" eb="3">
      <t>ナイ</t>
    </rPh>
    <phoneticPr fontId="1"/>
  </si>
  <si>
    <t>小児神経内科</t>
    <rPh sb="0" eb="2">
      <t>ショウニ</t>
    </rPh>
    <rPh sb="2" eb="4">
      <t>シンケイ</t>
    </rPh>
    <rPh sb="4" eb="6">
      <t>ナイカ</t>
    </rPh>
    <phoneticPr fontId="1"/>
  </si>
  <si>
    <t>大外</t>
    <rPh sb="0" eb="1">
      <t>ダイ</t>
    </rPh>
    <rPh sb="1" eb="2">
      <t>ゲ</t>
    </rPh>
    <phoneticPr fontId="1"/>
  </si>
  <si>
    <t>大腸外科</t>
    <rPh sb="0" eb="2">
      <t>ダイチョウ</t>
    </rPh>
    <rPh sb="2" eb="4">
      <t>ゲカ</t>
    </rPh>
    <phoneticPr fontId="1"/>
  </si>
  <si>
    <t>心臓内</t>
    <rPh sb="0" eb="2">
      <t>シンゾウ</t>
    </rPh>
    <rPh sb="2" eb="3">
      <t>ナイ</t>
    </rPh>
    <phoneticPr fontId="1"/>
  </si>
  <si>
    <t>心臓内科</t>
    <rPh sb="0" eb="2">
      <t>シンゾウ</t>
    </rPh>
    <rPh sb="2" eb="4">
      <t>ナイカ</t>
    </rPh>
    <phoneticPr fontId="1"/>
  </si>
  <si>
    <t>新内</t>
    <rPh sb="0" eb="1">
      <t>シン</t>
    </rPh>
    <rPh sb="1" eb="2">
      <t>ナイ</t>
    </rPh>
    <phoneticPr fontId="1"/>
  </si>
  <si>
    <t>新生児内科</t>
    <rPh sb="0" eb="3">
      <t>シンセイジ</t>
    </rPh>
    <rPh sb="3" eb="5">
      <t>ナイカ</t>
    </rPh>
    <phoneticPr fontId="1"/>
  </si>
  <si>
    <t>肝外</t>
    <rPh sb="0" eb="2">
      <t>カンガイ</t>
    </rPh>
    <phoneticPr fontId="1"/>
  </si>
  <si>
    <t>肝臓外科</t>
    <rPh sb="0" eb="2">
      <t>カンゾウ</t>
    </rPh>
    <rPh sb="2" eb="4">
      <t>ゲカ</t>
    </rPh>
    <phoneticPr fontId="1"/>
  </si>
  <si>
    <t>血内</t>
    <rPh sb="0" eb="1">
      <t>ケツ</t>
    </rPh>
    <rPh sb="1" eb="2">
      <t>ナイ</t>
    </rPh>
    <phoneticPr fontId="1"/>
  </si>
  <si>
    <t>血液内科</t>
    <rPh sb="0" eb="2">
      <t>ケツエキ</t>
    </rPh>
    <rPh sb="2" eb="4">
      <t>ナイカ</t>
    </rPh>
    <phoneticPr fontId="1"/>
  </si>
  <si>
    <t>性</t>
    <rPh sb="0" eb="1">
      <t>セイ</t>
    </rPh>
    <phoneticPr fontId="1"/>
  </si>
  <si>
    <t>腫外</t>
    <rPh sb="0" eb="1">
      <t>シュ</t>
    </rPh>
    <rPh sb="1" eb="2">
      <t>ガイ</t>
    </rPh>
    <phoneticPr fontId="1"/>
  </si>
  <si>
    <t>腫瘍外科</t>
    <rPh sb="0" eb="2">
      <t>シュヨウ</t>
    </rPh>
    <rPh sb="2" eb="4">
      <t>ゲカ</t>
    </rPh>
    <phoneticPr fontId="1"/>
  </si>
  <si>
    <t>血管内</t>
    <rPh sb="0" eb="2">
      <t>ケッカン</t>
    </rPh>
    <rPh sb="2" eb="3">
      <t>ナイ</t>
    </rPh>
    <phoneticPr fontId="1"/>
  </si>
  <si>
    <t>血管内科</t>
    <rPh sb="0" eb="2">
      <t>ケッカン</t>
    </rPh>
    <rPh sb="2" eb="3">
      <t>ナイ</t>
    </rPh>
    <rPh sb="3" eb="4">
      <t>カ</t>
    </rPh>
    <phoneticPr fontId="1"/>
  </si>
  <si>
    <t>腎代内</t>
    <rPh sb="0" eb="1">
      <t>ジン</t>
    </rPh>
    <rPh sb="1" eb="2">
      <t>ダイ</t>
    </rPh>
    <rPh sb="2" eb="3">
      <t>ナイ</t>
    </rPh>
    <phoneticPr fontId="1"/>
  </si>
  <si>
    <t>性感内</t>
    <rPh sb="0" eb="1">
      <t>セイ</t>
    </rPh>
    <rPh sb="1" eb="2">
      <t>カン</t>
    </rPh>
    <rPh sb="2" eb="3">
      <t>ナイ</t>
    </rPh>
    <phoneticPr fontId="1"/>
  </si>
  <si>
    <t>性感染症内科</t>
    <rPh sb="0" eb="1">
      <t>セイ</t>
    </rPh>
    <rPh sb="1" eb="4">
      <t>カンセンショウ</t>
    </rPh>
    <rPh sb="4" eb="6">
      <t>ナイカ</t>
    </rPh>
    <phoneticPr fontId="1"/>
  </si>
  <si>
    <t>腫整外</t>
    <rPh sb="0" eb="1">
      <t>シュ</t>
    </rPh>
    <rPh sb="1" eb="2">
      <t>タダシ</t>
    </rPh>
    <rPh sb="2" eb="3">
      <t>ソト</t>
    </rPh>
    <phoneticPr fontId="1"/>
  </si>
  <si>
    <t>腫瘍整形外科</t>
    <rPh sb="0" eb="2">
      <t>シュヨウ</t>
    </rPh>
    <rPh sb="2" eb="4">
      <t>セイケイ</t>
    </rPh>
    <rPh sb="4" eb="6">
      <t>ゲカ</t>
    </rPh>
    <phoneticPr fontId="1"/>
  </si>
  <si>
    <t>血腫内</t>
    <rPh sb="0" eb="1">
      <t>ケツ</t>
    </rPh>
    <rPh sb="1" eb="2">
      <t>シュ</t>
    </rPh>
    <rPh sb="2" eb="3">
      <t>ナイ</t>
    </rPh>
    <phoneticPr fontId="1"/>
  </si>
  <si>
    <t>血液腫瘍内科/
血液・腫瘍内科</t>
    <rPh sb="0" eb="2">
      <t>ケツエキ</t>
    </rPh>
    <rPh sb="2" eb="4">
      <t>シュヨウ</t>
    </rPh>
    <rPh sb="4" eb="6">
      <t>ナイカ</t>
    </rPh>
    <phoneticPr fontId="1"/>
  </si>
  <si>
    <t>腎内代内</t>
    <rPh sb="0" eb="1">
      <t>ジン</t>
    </rPh>
    <rPh sb="1" eb="2">
      <t>ナイ</t>
    </rPh>
    <rPh sb="2" eb="3">
      <t>ダイ</t>
    </rPh>
    <rPh sb="3" eb="4">
      <t>ナイ</t>
    </rPh>
    <phoneticPr fontId="1"/>
  </si>
  <si>
    <t>鏡内</t>
    <rPh sb="0" eb="1">
      <t>カガミ</t>
    </rPh>
    <rPh sb="1" eb="2">
      <t>ナイ</t>
    </rPh>
    <phoneticPr fontId="1"/>
  </si>
  <si>
    <t>内視鏡内科</t>
    <rPh sb="0" eb="3">
      <t>ナイシキョウ</t>
    </rPh>
    <rPh sb="3" eb="5">
      <t>ナイカ</t>
    </rPh>
    <phoneticPr fontId="1"/>
  </si>
  <si>
    <t>腎糖内</t>
    <rPh sb="0" eb="1">
      <t>ジン</t>
    </rPh>
    <rPh sb="1" eb="2">
      <t>トウ</t>
    </rPh>
    <rPh sb="2" eb="3">
      <t>ナイ</t>
    </rPh>
    <phoneticPr fontId="1"/>
  </si>
  <si>
    <t>腎臓糖尿病内科</t>
    <rPh sb="0" eb="2">
      <t>ジンゾウ</t>
    </rPh>
    <rPh sb="2" eb="5">
      <t>トウニョウビョウ</t>
    </rPh>
    <rPh sb="5" eb="7">
      <t>ナイカ</t>
    </rPh>
    <phoneticPr fontId="1"/>
  </si>
  <si>
    <t>疼内</t>
    <rPh sb="0" eb="1">
      <t>ドウ</t>
    </rPh>
    <rPh sb="1" eb="2">
      <t>ナイ</t>
    </rPh>
    <phoneticPr fontId="1"/>
  </si>
  <si>
    <t>疼痛緩和内科</t>
    <rPh sb="0" eb="2">
      <t>トウツウ</t>
    </rPh>
    <rPh sb="2" eb="4">
      <t>カンワ</t>
    </rPh>
    <rPh sb="4" eb="6">
      <t>ナイカ</t>
    </rPh>
    <phoneticPr fontId="1"/>
  </si>
  <si>
    <t>胃</t>
    <rPh sb="0" eb="1">
      <t>イ</t>
    </rPh>
    <phoneticPr fontId="1"/>
  </si>
  <si>
    <t>肝内</t>
    <rPh sb="0" eb="1">
      <t>キモ</t>
    </rPh>
    <rPh sb="1" eb="2">
      <t>ナイ</t>
    </rPh>
    <phoneticPr fontId="1"/>
  </si>
  <si>
    <t>肝臓内科</t>
    <rPh sb="0" eb="2">
      <t>カンゾウ</t>
    </rPh>
    <rPh sb="2" eb="4">
      <t>ナイカ</t>
    </rPh>
    <phoneticPr fontId="1"/>
  </si>
  <si>
    <t>化内</t>
    <rPh sb="0" eb="1">
      <t>カ</t>
    </rPh>
    <rPh sb="1" eb="2">
      <t>ウチ</t>
    </rPh>
    <phoneticPr fontId="1"/>
  </si>
  <si>
    <t>化学療法内科</t>
    <rPh sb="0" eb="2">
      <t>カガク</t>
    </rPh>
    <rPh sb="2" eb="4">
      <t>リョウホウ</t>
    </rPh>
    <rPh sb="4" eb="6">
      <t>ナイカ</t>
    </rPh>
    <phoneticPr fontId="1"/>
  </si>
  <si>
    <t>胸外</t>
    <rPh sb="0" eb="1">
      <t>ムネ</t>
    </rPh>
    <rPh sb="1" eb="2">
      <t>ゲ</t>
    </rPh>
    <phoneticPr fontId="1"/>
  </si>
  <si>
    <t>胸部外科</t>
    <rPh sb="0" eb="2">
      <t>キョウブ</t>
    </rPh>
    <rPh sb="2" eb="4">
      <t>ゲカ</t>
    </rPh>
    <phoneticPr fontId="1"/>
  </si>
  <si>
    <t>胃腸内</t>
    <rPh sb="0" eb="2">
      <t>イチョウ</t>
    </rPh>
    <rPh sb="2" eb="3">
      <t>ナイ</t>
    </rPh>
    <phoneticPr fontId="1"/>
  </si>
  <si>
    <t>胃腸内科</t>
    <rPh sb="0" eb="2">
      <t>イチョウ</t>
    </rPh>
    <rPh sb="2" eb="4">
      <t>ナイカ</t>
    </rPh>
    <phoneticPr fontId="1"/>
  </si>
  <si>
    <t>肝胆膵内</t>
    <rPh sb="0" eb="2">
      <t>カンタン</t>
    </rPh>
    <rPh sb="2" eb="3">
      <t>スイ</t>
    </rPh>
    <rPh sb="3" eb="4">
      <t>ナイ</t>
    </rPh>
    <phoneticPr fontId="1"/>
  </si>
  <si>
    <t>脳神内</t>
    <rPh sb="0" eb="1">
      <t>ノウ</t>
    </rPh>
    <rPh sb="1" eb="2">
      <t>カミ</t>
    </rPh>
    <rPh sb="2" eb="3">
      <t>ナイ</t>
    </rPh>
    <phoneticPr fontId="1"/>
  </si>
  <si>
    <t>腹外</t>
    <rPh sb="0" eb="1">
      <t>ハラ</t>
    </rPh>
    <rPh sb="1" eb="2">
      <t>ゲ</t>
    </rPh>
    <phoneticPr fontId="1"/>
  </si>
  <si>
    <t>腹部外科</t>
    <rPh sb="0" eb="2">
      <t>フクブ</t>
    </rPh>
    <rPh sb="2" eb="4">
      <t>ゲカ</t>
    </rPh>
    <phoneticPr fontId="1"/>
  </si>
  <si>
    <t>腫内</t>
    <rPh sb="0" eb="1">
      <t>シュ</t>
    </rPh>
    <rPh sb="1" eb="2">
      <t>ナイ</t>
    </rPh>
    <phoneticPr fontId="1"/>
  </si>
  <si>
    <t>腫瘍内科</t>
    <rPh sb="0" eb="2">
      <t>シュヨウ</t>
    </rPh>
    <rPh sb="2" eb="4">
      <t>ナイカ</t>
    </rPh>
    <phoneticPr fontId="1"/>
  </si>
  <si>
    <t>神</t>
    <rPh sb="0" eb="1">
      <t>カミ</t>
    </rPh>
    <phoneticPr fontId="1"/>
  </si>
  <si>
    <t>乳外</t>
    <rPh sb="0" eb="1">
      <t>チチ</t>
    </rPh>
    <rPh sb="1" eb="2">
      <t>ゲ</t>
    </rPh>
    <phoneticPr fontId="1"/>
  </si>
  <si>
    <t>乳腺外科</t>
    <rPh sb="0" eb="2">
      <t>ニュウセン</t>
    </rPh>
    <rPh sb="2" eb="4">
      <t>ゲカ</t>
    </rPh>
    <phoneticPr fontId="1"/>
  </si>
  <si>
    <t>代内</t>
    <rPh sb="0" eb="1">
      <t>ダイ</t>
    </rPh>
    <rPh sb="1" eb="2">
      <t>ナイ</t>
    </rPh>
    <phoneticPr fontId="1"/>
  </si>
  <si>
    <t>代謝内科</t>
    <rPh sb="0" eb="2">
      <t>タイシャ</t>
    </rPh>
    <rPh sb="2" eb="4">
      <t>ナイカ</t>
    </rPh>
    <phoneticPr fontId="1"/>
  </si>
  <si>
    <t>神内</t>
    <rPh sb="0" eb="1">
      <t>カミ</t>
    </rPh>
    <rPh sb="1" eb="2">
      <t>ナイ</t>
    </rPh>
    <phoneticPr fontId="1"/>
  </si>
  <si>
    <t>神経内科</t>
    <rPh sb="0" eb="2">
      <t>シンケイ</t>
    </rPh>
    <rPh sb="2" eb="4">
      <t>ナイカ</t>
    </rPh>
    <phoneticPr fontId="1"/>
  </si>
  <si>
    <t>ぺ内</t>
    <rPh sb="1" eb="2">
      <t>ナイ</t>
    </rPh>
    <phoneticPr fontId="1"/>
  </si>
  <si>
    <t>ﾍﾟｲﾝｸﾘﾆｯｸ内科</t>
    <rPh sb="9" eb="11">
      <t>ナイカ</t>
    </rPh>
    <phoneticPr fontId="1"/>
  </si>
  <si>
    <t>内分外</t>
    <rPh sb="0" eb="1">
      <t>ナイ</t>
    </rPh>
    <rPh sb="1" eb="2">
      <t>ブン</t>
    </rPh>
    <rPh sb="2" eb="3">
      <t>ゲ</t>
    </rPh>
    <phoneticPr fontId="1"/>
  </si>
  <si>
    <t>内分泌外科</t>
    <rPh sb="0" eb="3">
      <t>ナイブンピツ</t>
    </rPh>
    <rPh sb="3" eb="5">
      <t>ゲカ</t>
    </rPh>
    <phoneticPr fontId="1"/>
  </si>
  <si>
    <t>代内内</t>
    <rPh sb="0" eb="1">
      <t>ダイ</t>
    </rPh>
    <rPh sb="1" eb="2">
      <t>ナイ</t>
    </rPh>
    <rPh sb="2" eb="3">
      <t>ナイ</t>
    </rPh>
    <phoneticPr fontId="1"/>
  </si>
  <si>
    <t>心内</t>
    <rPh sb="0" eb="1">
      <t>シン</t>
    </rPh>
    <rPh sb="1" eb="2">
      <t>ナイ</t>
    </rPh>
    <phoneticPr fontId="1"/>
  </si>
  <si>
    <t>心療内科</t>
    <rPh sb="0" eb="2">
      <t>シンリョウ</t>
    </rPh>
    <rPh sb="2" eb="4">
      <t>ナイカ</t>
    </rPh>
    <phoneticPr fontId="1"/>
  </si>
  <si>
    <t>ア</t>
  </si>
  <si>
    <t>アレルギー科</t>
    <rPh sb="5" eb="6">
      <t>カ</t>
    </rPh>
    <phoneticPr fontId="1"/>
  </si>
  <si>
    <t>乳内外</t>
    <rPh sb="0" eb="1">
      <t>チチ</t>
    </rPh>
    <rPh sb="1" eb="2">
      <t>ナイ</t>
    </rPh>
    <rPh sb="2" eb="3">
      <t>ゲ</t>
    </rPh>
    <phoneticPr fontId="1"/>
  </si>
  <si>
    <t>精</t>
    <rPh sb="0" eb="1">
      <t>セイ</t>
    </rPh>
    <phoneticPr fontId="1"/>
  </si>
  <si>
    <t>精神科</t>
    <rPh sb="0" eb="3">
      <t>セイシンカ</t>
    </rPh>
    <phoneticPr fontId="1"/>
  </si>
  <si>
    <t>ア疾内</t>
    <rPh sb="1" eb="2">
      <t>シツ</t>
    </rPh>
    <rPh sb="2" eb="3">
      <t>ナイ</t>
    </rPh>
    <phoneticPr fontId="1"/>
  </si>
  <si>
    <t>アレルギー疾患内科</t>
    <rPh sb="5" eb="7">
      <t>シッカン</t>
    </rPh>
    <rPh sb="7" eb="9">
      <t>ナイカ</t>
    </rPh>
    <phoneticPr fontId="1"/>
  </si>
  <si>
    <t>神精</t>
    <rPh sb="0" eb="1">
      <t>カミ</t>
    </rPh>
    <rPh sb="1" eb="2">
      <t>セイ</t>
    </rPh>
    <phoneticPr fontId="1"/>
  </si>
  <si>
    <t>神経精神科</t>
    <rPh sb="0" eb="2">
      <t>シンケイ</t>
    </rPh>
    <rPh sb="2" eb="4">
      <t>セイシン</t>
    </rPh>
    <rPh sb="4" eb="5">
      <t>カ</t>
    </rPh>
    <phoneticPr fontId="1"/>
  </si>
  <si>
    <t>リ</t>
  </si>
  <si>
    <t>リウマチ科</t>
    <rPh sb="4" eb="5">
      <t>カ</t>
    </rPh>
    <phoneticPr fontId="1"/>
  </si>
  <si>
    <t>肛外</t>
    <rPh sb="0" eb="1">
      <t>コウ</t>
    </rPh>
    <rPh sb="1" eb="2">
      <t>ゲ</t>
    </rPh>
    <phoneticPr fontId="1"/>
  </si>
  <si>
    <t>肛門外科</t>
    <rPh sb="0" eb="2">
      <t>コウモン</t>
    </rPh>
    <rPh sb="2" eb="4">
      <t>ゲカ</t>
    </rPh>
    <phoneticPr fontId="1"/>
  </si>
  <si>
    <t>小外</t>
  </si>
  <si>
    <t>小児外科</t>
  </si>
  <si>
    <t>皮泌</t>
    <rPh sb="0" eb="1">
      <t>カワ</t>
    </rPh>
    <rPh sb="1" eb="2">
      <t>ヒ</t>
    </rPh>
    <phoneticPr fontId="1"/>
  </si>
  <si>
    <t>皮膚泌尿器科</t>
    <rPh sb="0" eb="2">
      <t>ヒフ</t>
    </rPh>
    <rPh sb="2" eb="5">
      <t>ヒニョウキ</t>
    </rPh>
    <rPh sb="5" eb="6">
      <t>カ</t>
    </rPh>
    <phoneticPr fontId="1"/>
  </si>
  <si>
    <t>小心血</t>
  </si>
  <si>
    <t>小児心臓血管外科</t>
  </si>
  <si>
    <t>リハ</t>
  </si>
  <si>
    <t>ﾘﾊﾋﾞﾘﾃｰｼｮﾝ科</t>
    <rPh sb="10" eb="11">
      <t>カ</t>
    </rPh>
    <phoneticPr fontId="1"/>
  </si>
  <si>
    <t>新外</t>
  </si>
  <si>
    <t>新生児外科</t>
  </si>
  <si>
    <t>放</t>
    <rPh sb="0" eb="1">
      <t>ホウ</t>
    </rPh>
    <phoneticPr fontId="1"/>
  </si>
  <si>
    <t>放射線科</t>
    <rPh sb="0" eb="3">
      <t>ホウシャセン</t>
    </rPh>
    <rPh sb="3" eb="4">
      <t>カ</t>
    </rPh>
    <phoneticPr fontId="1"/>
  </si>
  <si>
    <t>鏡消外</t>
    <rPh sb="0" eb="1">
      <t>カガミ</t>
    </rPh>
    <rPh sb="1" eb="2">
      <t>ショウ</t>
    </rPh>
    <rPh sb="2" eb="3">
      <t>ガイ</t>
    </rPh>
    <phoneticPr fontId="1"/>
  </si>
  <si>
    <t>内視鏡消化器外科</t>
    <rPh sb="0" eb="3">
      <t>ナイシキョウ</t>
    </rPh>
    <rPh sb="3" eb="6">
      <t>ショウカキ</t>
    </rPh>
    <rPh sb="6" eb="8">
      <t>ゲカ</t>
    </rPh>
    <phoneticPr fontId="1"/>
  </si>
  <si>
    <t>放診</t>
    <rPh sb="0" eb="1">
      <t>ホウ</t>
    </rPh>
    <rPh sb="1" eb="2">
      <t>ミ</t>
    </rPh>
    <phoneticPr fontId="1"/>
  </si>
  <si>
    <t>放射線診断科</t>
    <rPh sb="0" eb="3">
      <t>ホウシャセン</t>
    </rPh>
    <rPh sb="3" eb="5">
      <t>シンダン</t>
    </rPh>
    <rPh sb="5" eb="6">
      <t>カ</t>
    </rPh>
    <phoneticPr fontId="1"/>
  </si>
  <si>
    <t>整</t>
    <rPh sb="0" eb="1">
      <t>ヒトシ</t>
    </rPh>
    <phoneticPr fontId="1"/>
  </si>
  <si>
    <t>整形外科</t>
    <rPh sb="0" eb="2">
      <t>セイケイ</t>
    </rPh>
    <rPh sb="2" eb="4">
      <t>ゲカ</t>
    </rPh>
    <phoneticPr fontId="1"/>
  </si>
  <si>
    <t>放治</t>
    <rPh sb="0" eb="1">
      <t>ホウ</t>
    </rPh>
    <rPh sb="1" eb="2">
      <t>オサム</t>
    </rPh>
    <phoneticPr fontId="1"/>
  </si>
  <si>
    <t>放射線治療科</t>
    <rPh sb="0" eb="3">
      <t>ホウシャセン</t>
    </rPh>
    <rPh sb="3" eb="5">
      <t>チリョウ</t>
    </rPh>
    <rPh sb="5" eb="6">
      <t>カ</t>
    </rPh>
    <phoneticPr fontId="1"/>
  </si>
  <si>
    <t>ペ整</t>
    <rPh sb="1" eb="2">
      <t>タダシ</t>
    </rPh>
    <phoneticPr fontId="1"/>
  </si>
  <si>
    <t>ﾍﾟｲﾝｸﾘﾆｯｸ・整形外科</t>
    <rPh sb="10" eb="12">
      <t>セイケイ</t>
    </rPh>
    <rPh sb="12" eb="14">
      <t>ゲカ</t>
    </rPh>
    <phoneticPr fontId="1"/>
  </si>
  <si>
    <t>形　</t>
    <rPh sb="0" eb="1">
      <t>カタチ</t>
    </rPh>
    <phoneticPr fontId="1"/>
  </si>
  <si>
    <t>形成外科</t>
    <rPh sb="0" eb="2">
      <t>ケイセイ</t>
    </rPh>
    <rPh sb="2" eb="4">
      <t>ゲカ</t>
    </rPh>
    <phoneticPr fontId="1"/>
  </si>
  <si>
    <t>美</t>
    <rPh sb="0" eb="1">
      <t>ビ</t>
    </rPh>
    <phoneticPr fontId="1"/>
  </si>
  <si>
    <t>美容外科</t>
    <rPh sb="0" eb="2">
      <t>ビヨウ</t>
    </rPh>
    <rPh sb="2" eb="4">
      <t>ゲカ</t>
    </rPh>
    <phoneticPr fontId="1"/>
  </si>
  <si>
    <t>美皮</t>
    <rPh sb="0" eb="1">
      <t>ビ</t>
    </rPh>
    <rPh sb="1" eb="2">
      <t>カワ</t>
    </rPh>
    <phoneticPr fontId="1"/>
  </si>
  <si>
    <t>美容皮膚科</t>
    <rPh sb="0" eb="2">
      <t>ビヨウ</t>
    </rPh>
    <rPh sb="2" eb="5">
      <t>ヒフカ</t>
    </rPh>
    <phoneticPr fontId="1"/>
  </si>
  <si>
    <t>脳外</t>
    <rPh sb="0" eb="1">
      <t>ノウ</t>
    </rPh>
    <rPh sb="1" eb="2">
      <t>ゲ</t>
    </rPh>
    <phoneticPr fontId="1"/>
  </si>
  <si>
    <t>脳神経外科</t>
    <rPh sb="0" eb="3">
      <t>ノウシンケイ</t>
    </rPh>
    <rPh sb="3" eb="5">
      <t>ゲカ</t>
    </rPh>
    <phoneticPr fontId="1"/>
  </si>
  <si>
    <t>救</t>
    <rPh sb="0" eb="1">
      <t>キュウ</t>
    </rPh>
    <phoneticPr fontId="1"/>
  </si>
  <si>
    <t>救急科</t>
    <rPh sb="0" eb="2">
      <t>キュウキュウ</t>
    </rPh>
    <rPh sb="2" eb="3">
      <t>カ</t>
    </rPh>
    <phoneticPr fontId="1"/>
  </si>
  <si>
    <t>救命</t>
    <rPh sb="0" eb="2">
      <t>キュウメイ</t>
    </rPh>
    <phoneticPr fontId="1"/>
  </si>
  <si>
    <t>麻</t>
    <rPh sb="0" eb="1">
      <t>マ</t>
    </rPh>
    <phoneticPr fontId="1"/>
  </si>
  <si>
    <t>麻酔科</t>
    <rPh sb="0" eb="3">
      <t>マスイカ</t>
    </rPh>
    <phoneticPr fontId="1"/>
  </si>
  <si>
    <t>ぺ外</t>
    <rPh sb="1" eb="2">
      <t>ゲ</t>
    </rPh>
    <phoneticPr fontId="1"/>
  </si>
  <si>
    <t>ﾍﾟｲﾝｸﾘﾆｯｸ外科</t>
  </si>
  <si>
    <t>緩ケ内</t>
    <rPh sb="0" eb="1">
      <t>カン</t>
    </rPh>
    <rPh sb="2" eb="3">
      <t>ナイ</t>
    </rPh>
    <phoneticPr fontId="1"/>
  </si>
  <si>
    <t>緩和ケア内科</t>
    <rPh sb="0" eb="2">
      <t>カンワ</t>
    </rPh>
    <rPh sb="4" eb="6">
      <t>ナイカ</t>
    </rPh>
    <phoneticPr fontId="1"/>
  </si>
  <si>
    <t>歯</t>
    <rPh sb="0" eb="1">
      <t>ハ</t>
    </rPh>
    <phoneticPr fontId="1"/>
  </si>
  <si>
    <t>歯科</t>
    <rPh sb="0" eb="2">
      <t>シカ</t>
    </rPh>
    <phoneticPr fontId="1"/>
  </si>
  <si>
    <t>耳咽</t>
    <rPh sb="0" eb="1">
      <t>ミミ</t>
    </rPh>
    <rPh sb="1" eb="2">
      <t>ノド</t>
    </rPh>
    <phoneticPr fontId="1"/>
  </si>
  <si>
    <t>耳鼻咽喉科</t>
    <rPh sb="0" eb="2">
      <t>ジビ</t>
    </rPh>
    <rPh sb="2" eb="4">
      <t>インコウ</t>
    </rPh>
    <rPh sb="4" eb="5">
      <t>カ</t>
    </rPh>
    <phoneticPr fontId="1"/>
  </si>
  <si>
    <t>泌</t>
    <rPh sb="0" eb="1">
      <t>ヒ</t>
    </rPh>
    <phoneticPr fontId="1"/>
  </si>
  <si>
    <t>泌尿器科</t>
    <rPh sb="0" eb="3">
      <t>ヒニョウキ</t>
    </rPh>
    <rPh sb="3" eb="4">
      <t>カ</t>
    </rPh>
    <phoneticPr fontId="1"/>
  </si>
  <si>
    <t>歯口</t>
    <rPh sb="0" eb="1">
      <t>ハ</t>
    </rPh>
    <rPh sb="1" eb="2">
      <t>クチ</t>
    </rPh>
    <phoneticPr fontId="1"/>
  </si>
  <si>
    <t>歯科口腔外科</t>
    <rPh sb="0" eb="2">
      <t>シカ</t>
    </rPh>
    <rPh sb="2" eb="4">
      <t>コウクウ</t>
    </rPh>
    <rPh sb="4" eb="6">
      <t>ゲカ</t>
    </rPh>
    <phoneticPr fontId="1"/>
  </si>
  <si>
    <t>小泌</t>
    <rPh sb="0" eb="1">
      <t>ショウ</t>
    </rPh>
    <rPh sb="1" eb="2">
      <t>ヒ</t>
    </rPh>
    <phoneticPr fontId="1"/>
  </si>
  <si>
    <t>小児泌尿器科</t>
    <rPh sb="0" eb="2">
      <t>ショウニ</t>
    </rPh>
    <rPh sb="2" eb="5">
      <t>ヒニョウキ</t>
    </rPh>
    <rPh sb="5" eb="6">
      <t>カ</t>
    </rPh>
    <phoneticPr fontId="1"/>
  </si>
  <si>
    <t>心リハ</t>
    <rPh sb="0" eb="1">
      <t>シン</t>
    </rPh>
    <phoneticPr fontId="1"/>
  </si>
  <si>
    <t>心臓ﾘﾊﾋﾞﾘﾃｰｼｮﾝ科</t>
    <rPh sb="0" eb="2">
      <t>シンゾウ</t>
    </rPh>
    <rPh sb="12" eb="13">
      <t>カ</t>
    </rPh>
    <phoneticPr fontId="1"/>
  </si>
  <si>
    <t>女泌</t>
    <rPh sb="0" eb="1">
      <t>ジョ</t>
    </rPh>
    <rPh sb="1" eb="2">
      <t>ヒ</t>
    </rPh>
    <phoneticPr fontId="1"/>
  </si>
  <si>
    <t>女性泌尿器科</t>
    <rPh sb="0" eb="2">
      <t>ジョセイ</t>
    </rPh>
    <rPh sb="2" eb="5">
      <t>ヒニョウキ</t>
    </rPh>
    <rPh sb="5" eb="6">
      <t>カ</t>
    </rPh>
    <phoneticPr fontId="1"/>
  </si>
  <si>
    <t>高齢者内科</t>
    <rPh sb="0" eb="2">
      <t>コウレイ</t>
    </rPh>
    <rPh sb="2" eb="3">
      <t>シャ</t>
    </rPh>
    <rPh sb="3" eb="5">
      <t>ナイカ</t>
    </rPh>
    <phoneticPr fontId="1"/>
  </si>
  <si>
    <t>泌透</t>
    <rPh sb="0" eb="1">
      <t>ヒ</t>
    </rPh>
    <rPh sb="1" eb="2">
      <t>トウ</t>
    </rPh>
    <phoneticPr fontId="1"/>
  </si>
  <si>
    <t>肝胆膵外</t>
    <rPh sb="0" eb="2">
      <t>カンタン</t>
    </rPh>
    <rPh sb="2" eb="3">
      <t>スイ</t>
    </rPh>
    <rPh sb="3" eb="4">
      <t>ソト</t>
    </rPh>
    <phoneticPr fontId="1"/>
  </si>
  <si>
    <t>腎外</t>
    <rPh sb="0" eb="1">
      <t>ジン</t>
    </rPh>
    <rPh sb="1" eb="2">
      <t>ソト</t>
    </rPh>
    <phoneticPr fontId="1"/>
  </si>
  <si>
    <t>腎臓外科</t>
    <rPh sb="0" eb="2">
      <t>ジンゾウ</t>
    </rPh>
    <rPh sb="2" eb="4">
      <t>ゲカ</t>
    </rPh>
    <phoneticPr fontId="1"/>
  </si>
  <si>
    <t>腎臓・人工透析内科/
人工透析腎臓内科/　　　　　　　　　　　　　　　　　　　　　　　　　　腎臓内科(人工透析）</t>
    <rPh sb="0" eb="2">
      <t>ジンゾウ</t>
    </rPh>
    <rPh sb="3" eb="5">
      <t>ジンコウ</t>
    </rPh>
    <rPh sb="5" eb="7">
      <t>トウセキ</t>
    </rPh>
    <rPh sb="7" eb="9">
      <t>ナイカ</t>
    </rPh>
    <rPh sb="11" eb="13">
      <t>ジンコウ</t>
    </rPh>
    <rPh sb="13" eb="15">
      <t>トウセキ</t>
    </rPh>
    <rPh sb="15" eb="17">
      <t>ジンゾウ</t>
    </rPh>
    <rPh sb="17" eb="19">
      <t>ナイカ</t>
    </rPh>
    <rPh sb="46" eb="48">
      <t>ジンゾウ</t>
    </rPh>
    <rPh sb="48" eb="50">
      <t>ナイカ</t>
    </rPh>
    <rPh sb="51" eb="53">
      <t>ジンコウ</t>
    </rPh>
    <rPh sb="53" eb="55">
      <t>トウセキ</t>
    </rPh>
    <phoneticPr fontId="1"/>
  </si>
  <si>
    <t>高内</t>
    <rPh sb="0" eb="1">
      <t>コウ</t>
    </rPh>
    <rPh sb="1" eb="2">
      <t>ナイ</t>
    </rPh>
    <phoneticPr fontId="1"/>
  </si>
  <si>
    <t>脂代内</t>
    <rPh sb="0" eb="1">
      <t>アブラ</t>
    </rPh>
    <rPh sb="1" eb="2">
      <t>ダイ</t>
    </rPh>
    <rPh sb="2" eb="3">
      <t>ウチ</t>
    </rPh>
    <phoneticPr fontId="1"/>
  </si>
  <si>
    <t>脂質代謝内科</t>
    <rPh sb="0" eb="2">
      <t>シシツ</t>
    </rPh>
    <rPh sb="2" eb="4">
      <t>タイシャ</t>
    </rPh>
    <rPh sb="4" eb="6">
      <t>ナイカ</t>
    </rPh>
    <phoneticPr fontId="1"/>
  </si>
  <si>
    <t>透血外</t>
    <rPh sb="0" eb="1">
      <t>トオ</t>
    </rPh>
    <rPh sb="1" eb="2">
      <t>チ</t>
    </rPh>
    <rPh sb="2" eb="3">
      <t>ガイ</t>
    </rPh>
    <phoneticPr fontId="1"/>
  </si>
  <si>
    <t>透析・血管外科</t>
    <rPh sb="0" eb="2">
      <t>トウセキ</t>
    </rPh>
    <rPh sb="3" eb="5">
      <t>ケッカン</t>
    </rPh>
    <rPh sb="5" eb="7">
      <t>ゲカ</t>
    </rPh>
    <phoneticPr fontId="1"/>
  </si>
  <si>
    <t>精神神</t>
    <rPh sb="0" eb="2">
      <t>セイシン</t>
    </rPh>
    <rPh sb="2" eb="3">
      <t>カミ</t>
    </rPh>
    <phoneticPr fontId="1"/>
  </si>
  <si>
    <t>精腫</t>
    <rPh sb="0" eb="1">
      <t>セイ</t>
    </rPh>
    <rPh sb="1" eb="2">
      <t>シュ</t>
    </rPh>
    <phoneticPr fontId="1"/>
  </si>
  <si>
    <t>泌尿器科(人工透析)</t>
    <rPh sb="0" eb="4">
      <t>ヒニョウキカ</t>
    </rPh>
    <rPh sb="5" eb="7">
      <t>ジンコウ</t>
    </rPh>
    <rPh sb="7" eb="9">
      <t>トウセキ</t>
    </rPh>
    <phoneticPr fontId="1"/>
  </si>
  <si>
    <t>凡　例</t>
    <rPh sb="0" eb="1">
      <t>ハン</t>
    </rPh>
    <rPh sb="2" eb="3">
      <t>レイ</t>
    </rPh>
    <phoneticPr fontId="1"/>
  </si>
  <si>
    <t>病院</t>
  </si>
  <si>
    <t>患者20人以上の入院施設（病床）がある医療施設です。</t>
  </si>
  <si>
    <t>開設者</t>
  </si>
  <si>
    <t>医療施設の開設を届け出た個人又は法人です。</t>
  </si>
  <si>
    <t>管理者</t>
  </si>
  <si>
    <t>医療施設を管理する医師又は歯科医師です。</t>
  </si>
  <si>
    <t>診療科目</t>
  </si>
  <si>
    <t>略称を用いて表示しました。（略称の表を参照）</t>
    <rPh sb="14" eb="15">
      <t>リャク</t>
    </rPh>
    <rPh sb="15" eb="16">
      <t>ショウ</t>
    </rPh>
    <rPh sb="17" eb="18">
      <t>ヒョウ</t>
    </rPh>
    <phoneticPr fontId="1"/>
  </si>
  <si>
    <t>許可病床数</t>
  </si>
  <si>
    <t>一般</t>
  </si>
  <si>
    <t>病院又は診療所の病床のうち、療養、精神、感染症、結核病床以外のものです。</t>
  </si>
  <si>
    <t>療養</t>
  </si>
  <si>
    <t>病院又は診療所の病床のうち、主として長期にわたり療養を必要とする患者を入院させるためのものです。</t>
    <phoneticPr fontId="1"/>
  </si>
  <si>
    <t>精神</t>
  </si>
  <si>
    <t>病院の病床のうち、精神疾患のある患者を入院させるためのものです。</t>
  </si>
  <si>
    <t>感染症</t>
  </si>
  <si>
    <t>病院の病床のうち、「感染症の予防及び感染症の患者に対する医療に関する法律」に規定する一類感染症、二類感染症（結核を除く）及び新感染症の患者を入院させるためのものです。</t>
  </si>
  <si>
    <t>結核</t>
  </si>
  <si>
    <t>病院の病床のうち、結核の患者を入院させるためのものです。</t>
  </si>
  <si>
    <t>休日急患診療所</t>
  </si>
  <si>
    <t>休日（夜間）の救急患者のみを診療するために設置された診療所です。</t>
  </si>
  <si>
    <t>特定機能病院</t>
  </si>
  <si>
    <t>地域医療支援病院</t>
  </si>
  <si>
    <t>地域における医療の確保のために必要な支援に関する要件を備えた病院です。</t>
  </si>
  <si>
    <t>救命救急センター</t>
  </si>
  <si>
    <t>より高度で特殊・専門医療が必要な重症患者を24時間体制で受け入れる知事が指定した施設です。</t>
  </si>
  <si>
    <t>救急病院・救急診療所</t>
  </si>
  <si>
    <t>病院・診療所開設者からの申し出により知事が救急病院、救急診療所として認定した施設です。</t>
  </si>
  <si>
    <t>医療型障害児入所施設</t>
    <rPh sb="0" eb="2">
      <t>イリョウ</t>
    </rPh>
    <rPh sb="2" eb="3">
      <t>カタ</t>
    </rPh>
    <rPh sb="3" eb="6">
      <t>ショウガイジ</t>
    </rPh>
    <rPh sb="6" eb="8">
      <t>ニュウショ</t>
    </rPh>
    <rPh sb="8" eb="10">
      <t>シセツ</t>
    </rPh>
    <phoneticPr fontId="1"/>
  </si>
  <si>
    <t>18歳未満（18歳以上も利用可）の児童で施設において援護することが適当と児童相談所が判断した障害児を入所させて、保護、日常生活の指導、独立自活に必要な知識技能の付与及び治療を行うことを目的とした施設です。</t>
  </si>
  <si>
    <t>病院機能評価認定</t>
  </si>
  <si>
    <t>公益財団法人日本医療機能評価機構が第三者評価を行った結果、一定の水準を満たしていると認められた病院です。</t>
    <rPh sb="29" eb="31">
      <t>イッテイ</t>
    </rPh>
    <rPh sb="32" eb="34">
      <t>スイジュン</t>
    </rPh>
    <rPh sb="35" eb="36">
      <t>ミ</t>
    </rPh>
    <rPh sb="42" eb="43">
      <t>ミト</t>
    </rPh>
    <phoneticPr fontId="1"/>
  </si>
  <si>
    <t>腎高内</t>
    <rPh sb="0" eb="1">
      <t>ジン</t>
    </rPh>
    <rPh sb="1" eb="2">
      <t>タカ</t>
    </rPh>
    <rPh sb="2" eb="3">
      <t>ナイ</t>
    </rPh>
    <phoneticPr fontId="1"/>
  </si>
  <si>
    <t>高度の医療の提供、高度の医療技術の開発及び高度の医療に関する研修を実施する能力等を備えた病院です。</t>
    <rPh sb="6" eb="8">
      <t>テイキョウ</t>
    </rPh>
    <rPh sb="9" eb="11">
      <t>コウド</t>
    </rPh>
    <rPh sb="12" eb="14">
      <t>イリョウ</t>
    </rPh>
    <rPh sb="14" eb="16">
      <t>ギジュツ</t>
    </rPh>
    <rPh sb="17" eb="19">
      <t>カイハツ</t>
    </rPh>
    <rPh sb="19" eb="20">
      <t>オヨ</t>
    </rPh>
    <rPh sb="21" eb="23">
      <t>コウド</t>
    </rPh>
    <rPh sb="24" eb="26">
      <t>イリョウ</t>
    </rPh>
    <rPh sb="27" eb="28">
      <t>カン</t>
    </rPh>
    <rPh sb="30" eb="32">
      <t>ケンシュウ</t>
    </rPh>
    <rPh sb="33" eb="35">
      <t>ジッシ</t>
    </rPh>
    <rPh sb="37" eb="39">
      <t>ノウリョク</t>
    </rPh>
    <rPh sb="39" eb="40">
      <t>トウ</t>
    </rPh>
    <rPh sb="41" eb="42">
      <t>ソナ</t>
    </rPh>
    <phoneticPr fontId="1"/>
  </si>
  <si>
    <t>小児歯科</t>
    <phoneticPr fontId="1"/>
  </si>
  <si>
    <t>小歯</t>
    <phoneticPr fontId="1"/>
  </si>
  <si>
    <t>矯正歯科</t>
    <phoneticPr fontId="1"/>
  </si>
  <si>
    <t>矯歯</t>
    <phoneticPr fontId="1"/>
  </si>
  <si>
    <t>気耳咽</t>
    <rPh sb="0" eb="1">
      <t>キ</t>
    </rPh>
    <rPh sb="1" eb="2">
      <t>ミミ</t>
    </rPh>
    <phoneticPr fontId="1"/>
  </si>
  <si>
    <t>麻ペ</t>
    <phoneticPr fontId="1"/>
  </si>
  <si>
    <t>眼</t>
    <phoneticPr fontId="1"/>
  </si>
  <si>
    <t>眼科</t>
    <phoneticPr fontId="1"/>
  </si>
  <si>
    <t>婦</t>
    <phoneticPr fontId="1"/>
  </si>
  <si>
    <t>産</t>
    <rPh sb="0" eb="1">
      <t>サン</t>
    </rPh>
    <phoneticPr fontId="1"/>
  </si>
  <si>
    <t>脊外</t>
    <rPh sb="0" eb="1">
      <t>セ</t>
    </rPh>
    <rPh sb="1" eb="2">
      <t>ガイ</t>
    </rPh>
    <phoneticPr fontId="1"/>
  </si>
  <si>
    <t>小救</t>
    <phoneticPr fontId="1"/>
  </si>
  <si>
    <t>小児救急科</t>
    <phoneticPr fontId="1"/>
  </si>
  <si>
    <t>婦人科</t>
    <phoneticPr fontId="1"/>
  </si>
  <si>
    <t>産科</t>
    <rPh sb="0" eb="2">
      <t>サンカ</t>
    </rPh>
    <phoneticPr fontId="1"/>
  </si>
  <si>
    <t>産婦</t>
    <phoneticPr fontId="1"/>
  </si>
  <si>
    <t>産婦人科</t>
    <phoneticPr fontId="1"/>
  </si>
  <si>
    <t>移植外科</t>
    <phoneticPr fontId="1"/>
  </si>
  <si>
    <t>麻酔科(ﾍﾟｲﾝｸﾘﾆｯｸ）</t>
    <phoneticPr fontId="1"/>
  </si>
  <si>
    <t>移外</t>
    <rPh sb="0" eb="1">
      <t>ウツ</t>
    </rPh>
    <rPh sb="1" eb="2">
      <t>ガイ</t>
    </rPh>
    <phoneticPr fontId="1"/>
  </si>
  <si>
    <t>内視鏡外科</t>
    <phoneticPr fontId="1"/>
  </si>
  <si>
    <t>鏡外</t>
    <phoneticPr fontId="1"/>
  </si>
  <si>
    <t>脳管外</t>
    <phoneticPr fontId="1"/>
  </si>
  <si>
    <t>脳血管外科</t>
    <phoneticPr fontId="1"/>
  </si>
  <si>
    <t>脊髄外</t>
    <rPh sb="0" eb="2">
      <t>セキズイ</t>
    </rPh>
    <rPh sb="2" eb="3">
      <t>ガイ</t>
    </rPh>
    <phoneticPr fontId="1"/>
  </si>
  <si>
    <t>皮膚科</t>
    <phoneticPr fontId="1"/>
  </si>
  <si>
    <t>皮</t>
    <phoneticPr fontId="1"/>
  </si>
  <si>
    <t>化療外　</t>
    <phoneticPr fontId="1"/>
  </si>
  <si>
    <t>化学療法外科</t>
    <phoneticPr fontId="1"/>
  </si>
  <si>
    <t>肛</t>
    <phoneticPr fontId="1"/>
  </si>
  <si>
    <t>糖代内</t>
  </si>
  <si>
    <t>腎移内</t>
    <phoneticPr fontId="1"/>
  </si>
  <si>
    <t>肛内</t>
    <phoneticPr fontId="1"/>
  </si>
  <si>
    <t>肛門内科</t>
    <phoneticPr fontId="1"/>
  </si>
  <si>
    <t>腎臓移植内科</t>
    <phoneticPr fontId="1"/>
  </si>
  <si>
    <t>腎移外</t>
    <phoneticPr fontId="1"/>
  </si>
  <si>
    <t>腎臓移植外科</t>
    <phoneticPr fontId="1"/>
  </si>
  <si>
    <t>婦不妊</t>
    <phoneticPr fontId="1"/>
  </si>
  <si>
    <t>婦人科（不妊治療）</t>
    <phoneticPr fontId="1"/>
  </si>
  <si>
    <t>糖尿病・内分泌・代謝内科</t>
    <rPh sb="4" eb="7">
      <t>ナイブンピツ</t>
    </rPh>
    <rPh sb="8" eb="10">
      <t>タイシャ</t>
    </rPh>
    <rPh sb="10" eb="12">
      <t>ナイカ</t>
    </rPh>
    <phoneticPr fontId="1"/>
  </si>
  <si>
    <t>糖尿病・代謝内科</t>
  </si>
  <si>
    <t>糖代内内</t>
  </si>
  <si>
    <t>糖尿病・代謝・内分泌内科</t>
  </si>
  <si>
    <t>糖内代内</t>
  </si>
  <si>
    <r>
      <t>頭頸外</t>
    </r>
    <r>
      <rPr>
        <b/>
        <sz val="10"/>
        <color rgb="FFFF0000"/>
        <rFont val="ＭＳ ゴシック"/>
        <family val="3"/>
        <charset val="128"/>
      </rPr>
      <t/>
    </r>
    <rPh sb="0" eb="1">
      <t>アタマ</t>
    </rPh>
    <rPh sb="1" eb="2">
      <t>クビ</t>
    </rPh>
    <rPh sb="2" eb="3">
      <t>ガイ</t>
    </rPh>
    <phoneticPr fontId="1"/>
  </si>
  <si>
    <r>
      <t>頭頸部外科</t>
    </r>
    <r>
      <rPr>
        <sz val="10"/>
        <color rgb="FFFF0000"/>
        <rFont val="ＭＳ ゴシック"/>
        <family val="3"/>
        <charset val="128"/>
      </rPr>
      <t/>
    </r>
    <rPh sb="0" eb="1">
      <t>アタマ</t>
    </rPh>
    <rPh sb="1" eb="3">
      <t>ケイブ</t>
    </rPh>
    <rPh sb="3" eb="5">
      <t>ゲカ</t>
    </rPh>
    <phoneticPr fontId="1"/>
  </si>
  <si>
    <t>脳内</t>
    <rPh sb="0" eb="1">
      <t>ノウ</t>
    </rPh>
    <rPh sb="1" eb="2">
      <t>ナイ</t>
    </rPh>
    <phoneticPr fontId="1"/>
  </si>
  <si>
    <t>脳神経内科</t>
    <rPh sb="0" eb="3">
      <t>ノウシンケイ</t>
    </rPh>
    <rPh sb="3" eb="5">
      <t>ナイカ</t>
    </rPh>
    <phoneticPr fontId="1"/>
  </si>
  <si>
    <t>脳・神経内科</t>
  </si>
  <si>
    <t>代謝・内分泌内科/
内分泌・代謝内科</t>
    <rPh sb="0" eb="2">
      <t>タイシャ</t>
    </rPh>
    <rPh sb="3" eb="6">
      <t>ナイブンピツ</t>
    </rPh>
    <rPh sb="6" eb="8">
      <t>ナイカ</t>
    </rPh>
    <rPh sb="10" eb="13">
      <t>ナイブンピツ</t>
    </rPh>
    <rPh sb="14" eb="16">
      <t>タイシャ</t>
    </rPh>
    <rPh sb="16" eb="18">
      <t>ナイカ</t>
    </rPh>
    <phoneticPr fontId="1"/>
  </si>
  <si>
    <t>　表記の都合上次のような略称を用いました。【　】は新規に標榜できないものです。</t>
    <rPh sb="1" eb="3">
      <t>ヒョウキ</t>
    </rPh>
    <rPh sb="4" eb="6">
      <t>ツゴウ</t>
    </rPh>
    <rPh sb="6" eb="7">
      <t>ジョウ</t>
    </rPh>
    <rPh sb="7" eb="8">
      <t>ツギ</t>
    </rPh>
    <rPh sb="12" eb="13">
      <t>リャク</t>
    </rPh>
    <rPh sb="13" eb="14">
      <t>ショウ</t>
    </rPh>
    <rPh sb="15" eb="16">
      <t>モチ</t>
    </rPh>
    <rPh sb="25" eb="27">
      <t>シンキ</t>
    </rPh>
    <rPh sb="28" eb="30">
      <t>ヒョウボウ</t>
    </rPh>
    <phoneticPr fontId="1"/>
  </si>
  <si>
    <t>【呼吸器科】</t>
    <rPh sb="1" eb="4">
      <t>コキュウキ</t>
    </rPh>
    <rPh sb="4" eb="5">
      <t>カ</t>
    </rPh>
    <phoneticPr fontId="1"/>
  </si>
  <si>
    <t>【神経科】</t>
    <rPh sb="1" eb="4">
      <t>シンケイカ</t>
    </rPh>
    <phoneticPr fontId="1"/>
  </si>
  <si>
    <t>【循環器科】</t>
    <rPh sb="1" eb="4">
      <t>ジュンカンキ</t>
    </rPh>
    <rPh sb="4" eb="5">
      <t>カ</t>
    </rPh>
    <phoneticPr fontId="1"/>
  </si>
  <si>
    <t>【精神神経科】</t>
    <rPh sb="1" eb="3">
      <t>セイシン</t>
    </rPh>
    <rPh sb="3" eb="6">
      <t>シンケイカ</t>
    </rPh>
    <phoneticPr fontId="1"/>
  </si>
  <si>
    <t>【精神腫瘍科】</t>
    <rPh sb="1" eb="3">
      <t>セイシン</t>
    </rPh>
    <rPh sb="3" eb="5">
      <t>シュヨウ</t>
    </rPh>
    <rPh sb="5" eb="6">
      <t>カ</t>
    </rPh>
    <phoneticPr fontId="1"/>
  </si>
  <si>
    <t>【消化器科】</t>
    <rPh sb="1" eb="3">
      <t>ショウカ</t>
    </rPh>
    <rPh sb="3" eb="4">
      <t>キ</t>
    </rPh>
    <rPh sb="4" eb="5">
      <t>カ</t>
    </rPh>
    <phoneticPr fontId="1"/>
  </si>
  <si>
    <t>腎臓・代謝内科</t>
    <rPh sb="0" eb="2">
      <t>ジンゾウ</t>
    </rPh>
    <rPh sb="3" eb="5">
      <t>タイシャ</t>
    </rPh>
    <rPh sb="5" eb="7">
      <t>ナイカ</t>
    </rPh>
    <phoneticPr fontId="1"/>
  </si>
  <si>
    <t>【胃腸科】</t>
    <rPh sb="1" eb="3">
      <t>イチョウ</t>
    </rPh>
    <rPh sb="3" eb="4">
      <t>カ</t>
    </rPh>
    <phoneticPr fontId="1"/>
  </si>
  <si>
    <t>腎臓・内分泌・代謝内科</t>
    <rPh sb="0" eb="2">
      <t>ジンゾウ</t>
    </rPh>
    <rPh sb="3" eb="6">
      <t>ナイブンピツ</t>
    </rPh>
    <rPh sb="7" eb="9">
      <t>タイシャ</t>
    </rPh>
    <rPh sb="9" eb="11">
      <t>ナイカ</t>
    </rPh>
    <phoneticPr fontId="1"/>
  </si>
  <si>
    <t>【気管食道科】</t>
    <rPh sb="1" eb="3">
      <t>キカン</t>
    </rPh>
    <rPh sb="3" eb="5">
      <t>ショクドウ</t>
    </rPh>
    <rPh sb="5" eb="6">
      <t>カ</t>
    </rPh>
    <phoneticPr fontId="1"/>
  </si>
  <si>
    <t>【腎臓・高血圧内科】</t>
    <phoneticPr fontId="1"/>
  </si>
  <si>
    <t>【胃外科】</t>
    <rPh sb="1" eb="2">
      <t>イ</t>
    </rPh>
    <rPh sb="2" eb="4">
      <t>ゲカ</t>
    </rPh>
    <phoneticPr fontId="1"/>
  </si>
  <si>
    <t>【性病科】</t>
    <rPh sb="1" eb="3">
      <t>セイビョウ</t>
    </rPh>
    <rPh sb="3" eb="4">
      <t>カ</t>
    </rPh>
    <phoneticPr fontId="1"/>
  </si>
  <si>
    <t>肝臓・胆嚢・膵臓内科</t>
    <rPh sb="0" eb="2">
      <t>カンゾウ</t>
    </rPh>
    <rPh sb="3" eb="5">
      <t>タンノウ</t>
    </rPh>
    <rPh sb="6" eb="8">
      <t>スイゾウ</t>
    </rPh>
    <rPh sb="8" eb="10">
      <t>ナイカ</t>
    </rPh>
    <phoneticPr fontId="1"/>
  </si>
  <si>
    <t>肝臓・胆嚢・膵臓外科</t>
    <rPh sb="0" eb="2">
      <t>カンゾウ</t>
    </rPh>
    <rPh sb="3" eb="5">
      <t>タンノウ</t>
    </rPh>
    <rPh sb="6" eb="8">
      <t>スイゾウ</t>
    </rPh>
    <rPh sb="8" eb="10">
      <t>ゲカ</t>
    </rPh>
    <phoneticPr fontId="1"/>
  </si>
  <si>
    <t>血放治</t>
  </si>
  <si>
    <t>血管・放射線治療科</t>
  </si>
  <si>
    <t>病診</t>
  </si>
  <si>
    <t>病理診断科</t>
  </si>
  <si>
    <t>臨検</t>
  </si>
  <si>
    <t>臨床検査科</t>
  </si>
  <si>
    <t>【救命救急科】</t>
    <rPh sb="1" eb="3">
      <t>キュウメイ</t>
    </rPh>
    <rPh sb="3" eb="5">
      <t>キュウキュウ</t>
    </rPh>
    <rPh sb="5" eb="6">
      <t>カ</t>
    </rPh>
    <phoneticPr fontId="1"/>
  </si>
  <si>
    <t>乳腺・内分泌外科</t>
    <rPh sb="0" eb="2">
      <t>ニュウセン</t>
    </rPh>
    <rPh sb="3" eb="6">
      <t>ナイブンピツ</t>
    </rPh>
    <rPh sb="6" eb="8">
      <t>ゲカ</t>
    </rPh>
    <phoneticPr fontId="1"/>
  </si>
  <si>
    <t>【こう門科】</t>
    <phoneticPr fontId="1"/>
  </si>
  <si>
    <t>【気管気道　耳鼻いんこう科】</t>
    <rPh sb="1" eb="3">
      <t>キカン</t>
    </rPh>
    <rPh sb="3" eb="5">
      <t>キドウ</t>
    </rPh>
    <rPh sb="6" eb="8">
      <t>ジビ</t>
    </rPh>
    <rPh sb="12" eb="13">
      <t>カ</t>
    </rPh>
    <phoneticPr fontId="1"/>
  </si>
  <si>
    <t>【脊椎外科】</t>
    <rPh sb="3" eb="5">
      <t>ゲカ</t>
    </rPh>
    <phoneticPr fontId="1"/>
  </si>
  <si>
    <t>【脊椎脊髄外科】</t>
    <rPh sb="1" eb="3">
      <t>セキツイ</t>
    </rPh>
    <rPh sb="3" eb="5">
      <t>セキズイ</t>
    </rPh>
    <rPh sb="5" eb="7">
      <t>ゲカ</t>
    </rPh>
    <phoneticPr fontId="1"/>
  </si>
  <si>
    <t>入院施設（病床）のうち、令和８年4月30日現在、使用を許可された病床の数です。</t>
    <rPh sb="12" eb="14">
      <t>レイワ</t>
    </rPh>
    <phoneticPr fontId="1"/>
  </si>
  <si>
    <t>大肛外</t>
  </si>
  <si>
    <t>大腸・肛門外科</t>
    <rPh sb="0" eb="2">
      <t>ダイチョウ</t>
    </rPh>
    <rPh sb="3" eb="7">
      <t>コウモンゲカ</t>
    </rPh>
    <phoneticPr fontId="1"/>
  </si>
  <si>
    <t>緩ケ外</t>
    <rPh sb="0" eb="1">
      <t>カン</t>
    </rPh>
    <rPh sb="2" eb="3">
      <t>ガイ</t>
    </rPh>
    <phoneticPr fontId="1"/>
  </si>
  <si>
    <t>緩和ケア外科</t>
    <rPh sb="0" eb="2">
      <t>カンワ</t>
    </rPh>
    <rPh sb="4" eb="6">
      <t>ゲカ</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2"/>
      <color theme="1"/>
      <name val="ＭＳ 明朝"/>
      <family val="1"/>
      <charset val="128"/>
    </font>
    <font>
      <sz val="6"/>
      <name val="ＭＳ 明朝"/>
      <family val="1"/>
      <charset val="128"/>
    </font>
    <font>
      <sz val="12"/>
      <color theme="1"/>
      <name val="ＭＳ 明朝"/>
      <family val="1"/>
      <charset val="128"/>
    </font>
    <font>
      <b/>
      <sz val="12"/>
      <color theme="1"/>
      <name val="ＭＳ 明朝"/>
      <family val="1"/>
      <charset val="128"/>
    </font>
    <font>
      <sz val="10.5"/>
      <color theme="1"/>
      <name val="ＭＳ ゴシック"/>
      <family val="3"/>
      <charset val="128"/>
    </font>
    <font>
      <b/>
      <sz val="10"/>
      <color rgb="FFFF0000"/>
      <name val="ＭＳ ゴシック"/>
      <family val="3"/>
      <charset val="128"/>
    </font>
    <font>
      <sz val="10"/>
      <color rgb="FFFF0000"/>
      <name val="ＭＳ ゴシック"/>
      <family val="3"/>
      <charset val="128"/>
    </font>
    <font>
      <sz val="12"/>
      <name val="ＭＳ ゴシック"/>
      <family val="3"/>
      <charset val="128"/>
    </font>
    <font>
      <b/>
      <sz val="11"/>
      <name val="ＭＳ ゴシック"/>
      <family val="3"/>
      <charset val="128"/>
    </font>
    <font>
      <sz val="11"/>
      <name val="ＭＳ ゴシック"/>
      <family val="3"/>
      <charset val="128"/>
    </font>
    <font>
      <b/>
      <sz val="10"/>
      <name val="ＭＳ ゴシック"/>
      <family val="3"/>
      <charset val="128"/>
    </font>
    <font>
      <sz val="10"/>
      <name val="ＭＳ ゴシック"/>
      <family val="3"/>
      <charset val="128"/>
    </font>
  </fonts>
  <fills count="2">
    <fill>
      <patternFill patternType="none"/>
    </fill>
    <fill>
      <patternFill patternType="gray125"/>
    </fill>
  </fills>
  <borders count="37">
    <border>
      <left/>
      <right/>
      <top/>
      <bottom/>
      <diagonal/>
    </border>
    <border>
      <left style="thin">
        <color indexed="64"/>
      </left>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double">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ck">
        <color indexed="64"/>
      </right>
      <top style="thick">
        <color indexed="64"/>
      </top>
      <bottom style="thin">
        <color indexed="64"/>
      </bottom>
      <diagonal/>
    </border>
    <border>
      <left style="thick">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thick">
        <color indexed="64"/>
      </left>
      <right style="thin">
        <color indexed="64"/>
      </right>
      <top style="thin">
        <color indexed="64"/>
      </top>
      <bottom style="thick">
        <color indexed="64"/>
      </bottom>
      <diagonal/>
    </border>
    <border>
      <left style="thin">
        <color indexed="64"/>
      </left>
      <right style="thick">
        <color indexed="64"/>
      </right>
      <top style="thin">
        <color indexed="64"/>
      </top>
      <bottom style="thick">
        <color indexed="64"/>
      </bottom>
      <diagonal/>
    </border>
    <border>
      <left style="thin">
        <color indexed="64"/>
      </left>
      <right/>
      <top style="thin">
        <color indexed="64"/>
      </top>
      <bottom style="thick">
        <color indexed="64"/>
      </bottom>
      <diagonal/>
    </border>
    <border>
      <left style="double">
        <color indexed="64"/>
      </left>
      <right style="thin">
        <color indexed="64"/>
      </right>
      <top style="thick">
        <color indexed="64"/>
      </top>
      <bottom style="thin">
        <color indexed="64"/>
      </bottom>
      <diagonal/>
    </border>
    <border>
      <left style="thin">
        <color indexed="64"/>
      </left>
      <right style="double">
        <color indexed="64"/>
      </right>
      <top style="thick">
        <color indexed="64"/>
      </top>
      <bottom style="thin">
        <color indexed="64"/>
      </bottom>
      <diagonal/>
    </border>
    <border>
      <left style="double">
        <color indexed="64"/>
      </left>
      <right style="thin">
        <color indexed="64"/>
      </right>
      <top style="thin">
        <color indexed="64"/>
      </top>
      <bottom style="thick">
        <color indexed="64"/>
      </bottom>
      <diagonal/>
    </border>
    <border>
      <left style="thin">
        <color indexed="64"/>
      </left>
      <right style="double">
        <color indexed="64"/>
      </right>
      <top style="thin">
        <color indexed="64"/>
      </top>
      <bottom style="thick">
        <color indexed="64"/>
      </bottom>
      <diagonal/>
    </border>
    <border>
      <left style="thin">
        <color indexed="64"/>
      </left>
      <right/>
      <top style="thick">
        <color indexed="64"/>
      </top>
      <bottom style="thin">
        <color indexed="64"/>
      </bottom>
      <diagonal/>
    </border>
    <border>
      <left style="thick">
        <color indexed="64"/>
      </left>
      <right style="thin">
        <color indexed="64"/>
      </right>
      <top style="thick">
        <color indexed="64"/>
      </top>
      <bottom style="thin">
        <color indexed="64"/>
      </bottom>
      <diagonal/>
    </border>
    <border>
      <left style="thick">
        <color indexed="64"/>
      </left>
      <right style="thin">
        <color indexed="64"/>
      </right>
      <top style="thick">
        <color indexed="64"/>
      </top>
      <bottom/>
      <diagonal/>
    </border>
    <border>
      <left style="thin">
        <color indexed="64"/>
      </left>
      <right style="thick">
        <color indexed="64"/>
      </right>
      <top style="thick">
        <color indexed="64"/>
      </top>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style="double">
        <color indexed="64"/>
      </left>
      <right style="thin">
        <color indexed="64"/>
      </right>
      <top style="thin">
        <color indexed="64"/>
      </top>
      <bottom/>
      <diagonal/>
    </border>
    <border>
      <left style="double">
        <color indexed="64"/>
      </left>
      <right style="thin">
        <color indexed="64"/>
      </right>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double">
        <color indexed="64"/>
      </left>
      <right style="thin">
        <color indexed="64"/>
      </right>
      <top/>
      <bottom/>
      <diagonal/>
    </border>
    <border>
      <left style="thin">
        <color indexed="64"/>
      </left>
      <right style="double">
        <color indexed="64"/>
      </right>
      <top/>
      <bottom/>
      <diagonal/>
    </border>
    <border>
      <left style="double">
        <color indexed="64"/>
      </left>
      <right/>
      <top style="thin">
        <color indexed="64"/>
      </top>
      <bottom/>
      <diagonal/>
    </border>
    <border>
      <left style="double">
        <color indexed="64"/>
      </left>
      <right/>
      <top/>
      <bottom style="thin">
        <color indexed="64"/>
      </bottom>
      <diagonal/>
    </border>
    <border>
      <left style="double">
        <color indexed="64"/>
      </left>
      <right/>
      <top style="thin">
        <color indexed="64"/>
      </top>
      <bottom style="thin">
        <color indexed="64"/>
      </bottom>
      <diagonal/>
    </border>
    <border>
      <left style="thin">
        <color indexed="64"/>
      </left>
      <right style="thick">
        <color indexed="64"/>
      </right>
      <top/>
      <bottom style="thin">
        <color indexed="64"/>
      </bottom>
      <diagonal/>
    </border>
    <border>
      <left style="thick">
        <color indexed="64"/>
      </left>
      <right/>
      <top style="thin">
        <color indexed="64"/>
      </top>
      <bottom style="thin">
        <color indexed="64"/>
      </bottom>
      <diagonal/>
    </border>
    <border>
      <left style="thick">
        <color indexed="64"/>
      </left>
      <right/>
      <top/>
      <bottom/>
      <diagonal/>
    </border>
    <border>
      <left style="thin">
        <color indexed="64"/>
      </left>
      <right/>
      <top/>
      <bottom style="thin">
        <color indexed="64"/>
      </bottom>
      <diagonal/>
    </border>
    <border>
      <left style="thick">
        <color indexed="64"/>
      </left>
      <right/>
      <top/>
      <bottom style="thin">
        <color indexed="64"/>
      </bottom>
      <diagonal/>
    </border>
  </borders>
  <cellStyleXfs count="2">
    <xf numFmtId="0" fontId="0" fillId="0" borderId="0">
      <alignment vertical="center"/>
    </xf>
    <xf numFmtId="0" fontId="2" fillId="0" borderId="0">
      <alignment vertical="center"/>
    </xf>
  </cellStyleXfs>
  <cellXfs count="93">
    <xf numFmtId="0" fontId="0" fillId="0" borderId="0" xfId="0">
      <alignment vertical="center"/>
    </xf>
    <xf numFmtId="0" fontId="0" fillId="0" borderId="0" xfId="0" applyFill="1">
      <alignment vertical="center"/>
    </xf>
    <xf numFmtId="0" fontId="3" fillId="0" borderId="0" xfId="1" applyFont="1" applyFill="1">
      <alignment vertical="center"/>
    </xf>
    <xf numFmtId="0" fontId="2" fillId="0" borderId="0" xfId="1" applyFill="1">
      <alignment vertical="center"/>
    </xf>
    <xf numFmtId="0" fontId="4" fillId="0" borderId="19" xfId="1" applyFont="1" applyFill="1" applyBorder="1" applyAlignment="1">
      <alignment horizontal="justify" vertical="center" wrapText="1"/>
    </xf>
    <xf numFmtId="0" fontId="4" fillId="0" borderId="20" xfId="1" applyFont="1" applyFill="1" applyBorder="1" applyAlignment="1">
      <alignment horizontal="justify" vertical="center" wrapText="1"/>
    </xf>
    <xf numFmtId="0" fontId="4" fillId="0" borderId="21" xfId="1" applyFont="1" applyFill="1" applyBorder="1" applyAlignment="1">
      <alignment horizontal="justify" vertical="center" wrapText="1"/>
    </xf>
    <xf numFmtId="0" fontId="4" fillId="0" borderId="22" xfId="1" applyFont="1" applyFill="1" applyBorder="1" applyAlignment="1">
      <alignment horizontal="justify" vertical="center" wrapText="1"/>
    </xf>
    <xf numFmtId="0" fontId="7" fillId="0" borderId="0" xfId="0" applyFont="1" applyFill="1">
      <alignment vertical="center"/>
    </xf>
    <xf numFmtId="0" fontId="8" fillId="0" borderId="17" xfId="0" applyFont="1" applyFill="1" applyBorder="1" applyAlignment="1">
      <alignment horizontal="center" vertical="center"/>
    </xf>
    <xf numFmtId="0" fontId="8" fillId="0" borderId="18" xfId="0" applyFont="1" applyFill="1" applyBorder="1" applyAlignment="1">
      <alignment horizontal="center" vertical="center"/>
    </xf>
    <xf numFmtId="0" fontId="9" fillId="0" borderId="0" xfId="0" applyFont="1" applyFill="1" applyBorder="1">
      <alignment vertical="center"/>
    </xf>
    <xf numFmtId="0" fontId="9" fillId="0" borderId="0" xfId="0" applyFont="1" applyFill="1" applyBorder="1" applyAlignment="1">
      <alignment horizontal="right" vertical="center"/>
    </xf>
    <xf numFmtId="0" fontId="9" fillId="0" borderId="0" xfId="0" applyFont="1" applyFill="1">
      <alignment vertical="center"/>
    </xf>
    <xf numFmtId="0" fontId="10" fillId="0" borderId="16" xfId="0" applyFont="1" applyFill="1" applyBorder="1">
      <alignment vertical="center"/>
    </xf>
    <xf numFmtId="0" fontId="11" fillId="0" borderId="15" xfId="0" applyFont="1" applyFill="1" applyBorder="1">
      <alignment vertical="center"/>
    </xf>
    <xf numFmtId="0" fontId="10" fillId="0" borderId="11" xfId="0" applyFont="1" applyFill="1" applyBorder="1">
      <alignment vertical="center"/>
    </xf>
    <xf numFmtId="0" fontId="11" fillId="0" borderId="12" xfId="0" applyFont="1" applyFill="1" applyBorder="1" applyAlignment="1">
      <alignment vertical="center" wrapText="1"/>
    </xf>
    <xf numFmtId="0" fontId="11" fillId="0" borderId="12" xfId="0" applyFont="1" applyFill="1" applyBorder="1">
      <alignment vertical="center"/>
    </xf>
    <xf numFmtId="0" fontId="10" fillId="0" borderId="11" xfId="0" applyFont="1" applyFill="1" applyBorder="1" applyAlignment="1">
      <alignment horizontal="left" vertical="center"/>
    </xf>
    <xf numFmtId="0" fontId="11" fillId="0" borderId="5" xfId="0" applyFont="1" applyFill="1" applyBorder="1" applyAlignment="1">
      <alignment horizontal="left" vertical="center" wrapText="1"/>
    </xf>
    <xf numFmtId="0" fontId="10" fillId="0" borderId="6" xfId="0" applyFont="1" applyFill="1" applyBorder="1">
      <alignment vertical="center"/>
    </xf>
    <xf numFmtId="0" fontId="11" fillId="0" borderId="1" xfId="0" applyFont="1" applyFill="1" applyBorder="1">
      <alignment vertical="center"/>
    </xf>
    <xf numFmtId="0" fontId="10" fillId="0" borderId="2" xfId="0" applyFont="1" applyFill="1" applyBorder="1" applyAlignment="1">
      <alignment vertical="center"/>
    </xf>
    <xf numFmtId="0" fontId="11" fillId="0" borderId="3" xfId="0" applyFont="1" applyFill="1" applyBorder="1" applyAlignment="1">
      <alignment vertical="center" wrapText="1"/>
    </xf>
    <xf numFmtId="0" fontId="10" fillId="0" borderId="23" xfId="0" applyFont="1" applyFill="1" applyBorder="1">
      <alignment vertical="center"/>
    </xf>
    <xf numFmtId="0" fontId="11" fillId="0" borderId="25" xfId="0" applyFont="1" applyFill="1" applyBorder="1">
      <alignment vertical="center"/>
    </xf>
    <xf numFmtId="0" fontId="10" fillId="0" borderId="2" xfId="0" applyFont="1" applyFill="1" applyBorder="1" applyAlignment="1">
      <alignment horizontal="left" vertical="center"/>
    </xf>
    <xf numFmtId="0" fontId="11" fillId="0" borderId="7" xfId="0" applyFont="1" applyFill="1" applyBorder="1" applyAlignment="1">
      <alignment horizontal="left" vertical="center" wrapText="1"/>
    </xf>
    <xf numFmtId="0" fontId="10" fillId="0" borderId="0" xfId="0" applyFont="1" applyFill="1" applyBorder="1">
      <alignment vertical="center"/>
    </xf>
    <xf numFmtId="0" fontId="10" fillId="0" borderId="2" xfId="0" applyFont="1" applyFill="1" applyBorder="1">
      <alignment vertical="center"/>
    </xf>
    <xf numFmtId="0" fontId="11" fillId="0" borderId="3" xfId="0" applyFont="1" applyFill="1" applyBorder="1">
      <alignment vertical="center"/>
    </xf>
    <xf numFmtId="0" fontId="11" fillId="0" borderId="7" xfId="0" applyFont="1" applyFill="1" applyBorder="1" applyAlignment="1">
      <alignment vertical="center" wrapText="1"/>
    </xf>
    <xf numFmtId="0" fontId="10" fillId="0" borderId="0" xfId="0" applyFont="1" applyFill="1" applyBorder="1" applyAlignment="1">
      <alignment vertical="center"/>
    </xf>
    <xf numFmtId="0" fontId="11" fillId="0" borderId="1" xfId="0" applyFont="1" applyFill="1" applyBorder="1" applyAlignment="1">
      <alignment vertical="center" shrinkToFit="1"/>
    </xf>
    <xf numFmtId="0" fontId="10" fillId="0" borderId="24" xfId="0" applyFont="1" applyFill="1" applyBorder="1">
      <alignment vertical="center"/>
    </xf>
    <xf numFmtId="0" fontId="11" fillId="0" borderId="32" xfId="0" applyFont="1" applyFill="1" applyBorder="1">
      <alignment vertical="center"/>
    </xf>
    <xf numFmtId="0" fontId="10" fillId="0" borderId="4" xfId="0" applyFont="1" applyFill="1" applyBorder="1">
      <alignment vertical="center"/>
    </xf>
    <xf numFmtId="0" fontId="11" fillId="0" borderId="7" xfId="0" applyFont="1" applyFill="1" applyBorder="1">
      <alignment vertical="center"/>
    </xf>
    <xf numFmtId="0" fontId="10" fillId="0" borderId="6" xfId="0" applyFont="1" applyFill="1" applyBorder="1" applyAlignment="1">
      <alignment horizontal="left" vertical="center"/>
    </xf>
    <xf numFmtId="0" fontId="11" fillId="0" borderId="3" xfId="0" applyFont="1" applyFill="1" applyBorder="1" applyAlignment="1">
      <alignment horizontal="left" vertical="center" wrapText="1"/>
    </xf>
    <xf numFmtId="0" fontId="10" fillId="0" borderId="31" xfId="0" applyFont="1" applyFill="1" applyBorder="1">
      <alignment vertical="center"/>
    </xf>
    <xf numFmtId="0" fontId="11" fillId="0" borderId="3" xfId="0" applyFont="1" applyFill="1" applyBorder="1" applyAlignment="1">
      <alignment horizontal="left" vertical="center"/>
    </xf>
    <xf numFmtId="0" fontId="10" fillId="0" borderId="13" xfId="0" applyFont="1" applyFill="1" applyBorder="1">
      <alignment vertical="center"/>
    </xf>
    <xf numFmtId="0" fontId="11" fillId="0" borderId="14" xfId="0" applyFont="1" applyFill="1" applyBorder="1">
      <alignment vertical="center"/>
    </xf>
    <xf numFmtId="0" fontId="10" fillId="0" borderId="13" xfId="0" applyFont="1" applyFill="1" applyBorder="1" applyAlignment="1">
      <alignment horizontal="left" vertical="center"/>
    </xf>
    <xf numFmtId="0" fontId="11" fillId="0" borderId="10" xfId="0" applyFont="1" applyFill="1" applyBorder="1" applyAlignment="1">
      <alignment horizontal="left" vertical="center" wrapText="1"/>
    </xf>
    <xf numFmtId="0" fontId="11" fillId="0" borderId="9" xfId="0" applyFont="1" applyFill="1" applyBorder="1">
      <alignment vertical="center"/>
    </xf>
    <xf numFmtId="0" fontId="11" fillId="0" borderId="0" xfId="0" applyFont="1" applyFill="1">
      <alignment vertical="center"/>
    </xf>
    <xf numFmtId="0" fontId="11" fillId="0" borderId="0" xfId="0" applyFont="1" applyFill="1" applyBorder="1">
      <alignment vertical="center"/>
    </xf>
    <xf numFmtId="0" fontId="7" fillId="0" borderId="0" xfId="0" applyFont="1" applyFill="1" applyBorder="1">
      <alignment vertical="center"/>
    </xf>
    <xf numFmtId="0" fontId="10" fillId="0" borderId="33" xfId="0" applyFont="1" applyFill="1" applyBorder="1">
      <alignment vertical="center"/>
    </xf>
    <xf numFmtId="0" fontId="9" fillId="0" borderId="1" xfId="0" applyFont="1" applyFill="1" applyBorder="1">
      <alignment vertical="center"/>
    </xf>
    <xf numFmtId="0" fontId="9" fillId="0" borderId="5" xfId="0" applyFont="1" applyFill="1" applyBorder="1">
      <alignment vertical="center"/>
    </xf>
    <xf numFmtId="0" fontId="9" fillId="0" borderId="3" xfId="0" applyFont="1" applyFill="1" applyBorder="1">
      <alignment vertical="center"/>
    </xf>
    <xf numFmtId="0" fontId="9" fillId="0" borderId="7" xfId="0" applyFont="1" applyFill="1" applyBorder="1">
      <alignment vertical="center"/>
    </xf>
    <xf numFmtId="0" fontId="8" fillId="0" borderId="2" xfId="0" applyFont="1" applyFill="1" applyBorder="1">
      <alignment vertical="center"/>
    </xf>
    <xf numFmtId="0" fontId="10" fillId="0" borderId="34" xfId="0" applyFont="1" applyFill="1" applyBorder="1">
      <alignment vertical="center"/>
    </xf>
    <xf numFmtId="0" fontId="11" fillId="0" borderId="3" xfId="0" applyFont="1" applyFill="1" applyBorder="1" applyAlignment="1">
      <alignment vertical="center" shrinkToFit="1"/>
    </xf>
    <xf numFmtId="0" fontId="9" fillId="0" borderId="2" xfId="0" applyFont="1" applyFill="1" applyBorder="1">
      <alignment vertical="center"/>
    </xf>
    <xf numFmtId="0" fontId="9" fillId="0" borderId="4" xfId="0" applyFont="1" applyFill="1" applyBorder="1">
      <alignment vertical="center"/>
    </xf>
    <xf numFmtId="0" fontId="7" fillId="0" borderId="4" xfId="0" applyFont="1" applyFill="1" applyBorder="1">
      <alignment vertical="center"/>
    </xf>
    <xf numFmtId="0" fontId="7" fillId="0" borderId="2" xfId="0" applyFont="1" applyFill="1" applyBorder="1">
      <alignment vertical="center"/>
    </xf>
    <xf numFmtId="0" fontId="7" fillId="0" borderId="7" xfId="0" applyFont="1" applyFill="1" applyBorder="1">
      <alignment vertical="center"/>
    </xf>
    <xf numFmtId="0" fontId="10" fillId="0" borderId="8" xfId="0" applyFont="1" applyFill="1" applyBorder="1">
      <alignment vertical="center"/>
    </xf>
    <xf numFmtId="0" fontId="9" fillId="0" borderId="14" xfId="0" applyFont="1" applyFill="1" applyBorder="1">
      <alignment vertical="center"/>
    </xf>
    <xf numFmtId="0" fontId="8" fillId="0" borderId="13" xfId="0" applyFont="1" applyFill="1" applyBorder="1">
      <alignment vertical="center"/>
    </xf>
    <xf numFmtId="0" fontId="7" fillId="0" borderId="13" xfId="0" applyFont="1" applyFill="1" applyBorder="1">
      <alignment vertical="center"/>
    </xf>
    <xf numFmtId="0" fontId="7" fillId="0" borderId="9" xfId="0" applyFont="1" applyFill="1" applyBorder="1">
      <alignment vertical="center"/>
    </xf>
    <xf numFmtId="0" fontId="10" fillId="0" borderId="6" xfId="0" applyFont="1" applyFill="1" applyBorder="1">
      <alignment vertical="center"/>
    </xf>
    <xf numFmtId="0" fontId="10" fillId="0" borderId="2" xfId="0" applyFont="1" applyFill="1" applyBorder="1">
      <alignment vertical="center"/>
    </xf>
    <xf numFmtId="0" fontId="11" fillId="0" borderId="1" xfId="0" applyFont="1" applyFill="1" applyBorder="1">
      <alignment vertical="center"/>
    </xf>
    <xf numFmtId="0" fontId="10" fillId="0" borderId="36" xfId="0" applyFont="1" applyFill="1" applyBorder="1">
      <alignment vertical="center"/>
    </xf>
    <xf numFmtId="0" fontId="11" fillId="0" borderId="35" xfId="0" applyFont="1" applyFill="1" applyBorder="1">
      <alignment vertical="center"/>
    </xf>
    <xf numFmtId="0" fontId="11" fillId="0" borderId="26" xfId="0" applyFont="1" applyFill="1" applyBorder="1">
      <alignment vertical="center"/>
    </xf>
    <xf numFmtId="0" fontId="10" fillId="0" borderId="6" xfId="0" applyFont="1" applyFill="1" applyBorder="1">
      <alignment vertical="center"/>
    </xf>
    <xf numFmtId="0" fontId="10" fillId="0" borderId="2" xfId="0" applyFont="1" applyFill="1" applyBorder="1">
      <alignment vertical="center"/>
    </xf>
    <xf numFmtId="0" fontId="11" fillId="0" borderId="25" xfId="0" applyFont="1" applyFill="1" applyBorder="1" applyAlignment="1">
      <alignment horizontal="left" vertical="center" wrapText="1"/>
    </xf>
    <xf numFmtId="0" fontId="11" fillId="0" borderId="28" xfId="0" applyFont="1" applyFill="1" applyBorder="1" applyAlignment="1">
      <alignment horizontal="left" vertical="center" wrapText="1"/>
    </xf>
    <xf numFmtId="0" fontId="11" fillId="0" borderId="26" xfId="0" applyFont="1" applyFill="1" applyBorder="1" applyAlignment="1">
      <alignment horizontal="left" vertical="center" wrapText="1"/>
    </xf>
    <xf numFmtId="0" fontId="10" fillId="0" borderId="23" xfId="0" applyFont="1" applyFill="1" applyBorder="1" applyAlignment="1">
      <alignment horizontal="left" vertical="center"/>
    </xf>
    <xf numFmtId="0" fontId="10" fillId="0" borderId="27" xfId="0" applyFont="1" applyFill="1" applyBorder="1" applyAlignment="1">
      <alignment horizontal="left" vertical="center"/>
    </xf>
    <xf numFmtId="0" fontId="10" fillId="0" borderId="24" xfId="0" applyFont="1" applyFill="1" applyBorder="1" applyAlignment="1">
      <alignment horizontal="left" vertical="center"/>
    </xf>
    <xf numFmtId="0" fontId="10" fillId="0" borderId="6" xfId="0" applyFont="1" applyFill="1" applyBorder="1">
      <alignment vertical="center"/>
    </xf>
    <xf numFmtId="0" fontId="11" fillId="0" borderId="1" xfId="0" applyFont="1" applyFill="1" applyBorder="1" applyAlignment="1">
      <alignment vertical="center" wrapText="1"/>
    </xf>
    <xf numFmtId="0" fontId="10" fillId="0" borderId="2" xfId="0" applyFont="1" applyFill="1" applyBorder="1">
      <alignment vertical="center"/>
    </xf>
    <xf numFmtId="0" fontId="11" fillId="0" borderId="3" xfId="0" applyFont="1" applyFill="1" applyBorder="1" applyAlignment="1">
      <alignment vertical="center" wrapText="1"/>
    </xf>
    <xf numFmtId="0" fontId="10" fillId="0" borderId="29" xfId="0" applyFont="1" applyFill="1" applyBorder="1" applyAlignment="1">
      <alignment horizontal="left" vertical="center"/>
    </xf>
    <xf numFmtId="0" fontId="10" fillId="0" borderId="30" xfId="0" applyFont="1" applyFill="1" applyBorder="1" applyAlignment="1">
      <alignment horizontal="left" vertical="center"/>
    </xf>
    <xf numFmtId="0" fontId="10" fillId="0" borderId="6" xfId="0" applyFont="1" applyFill="1" applyBorder="1" applyAlignment="1">
      <alignment horizontal="left" vertical="center"/>
    </xf>
    <xf numFmtId="0" fontId="10" fillId="0" borderId="8" xfId="0" applyFont="1" applyFill="1" applyBorder="1" applyAlignment="1">
      <alignment horizontal="left" vertical="center"/>
    </xf>
    <xf numFmtId="0" fontId="11" fillId="0" borderId="10" xfId="0" applyFont="1" applyFill="1" applyBorder="1" applyAlignment="1">
      <alignment vertical="center" wrapText="1"/>
    </xf>
    <xf numFmtId="0" fontId="11" fillId="0" borderId="1" xfId="0" applyFont="1" applyFill="1" applyBorder="1">
      <alignment vertical="center"/>
    </xf>
  </cellXfs>
  <cellStyles count="2">
    <cellStyle name="標準" xfId="0" builtinId="0"/>
    <cellStyle name="標準 2" xfId="1" xr:uid="{00000000-0005-0000-0000-000001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C19"/>
  <sheetViews>
    <sheetView view="pageBreakPreview" zoomScale="85" zoomScaleNormal="100" zoomScaleSheetLayoutView="85" workbookViewId="0">
      <selection activeCell="C7" sqref="C7"/>
    </sheetView>
  </sheetViews>
  <sheetFormatPr defaultRowHeight="14.4" x14ac:dyDescent="0.2"/>
  <cols>
    <col min="2" max="2" width="19" customWidth="1"/>
    <col min="3" max="3" width="115" customWidth="1"/>
  </cols>
  <sheetData>
    <row r="1" spans="2:3" s="1" customFormat="1" x14ac:dyDescent="0.2"/>
    <row r="2" spans="2:3" s="1" customFormat="1" ht="15" thickBot="1" x14ac:dyDescent="0.25">
      <c r="B2" s="2" t="s">
        <v>211</v>
      </c>
      <c r="C2" s="3"/>
    </row>
    <row r="3" spans="2:3" s="1" customFormat="1" ht="31.5" customHeight="1" thickBot="1" x14ac:dyDescent="0.25">
      <c r="B3" s="4" t="s">
        <v>212</v>
      </c>
      <c r="C3" s="5" t="s">
        <v>213</v>
      </c>
    </row>
    <row r="4" spans="2:3" s="1" customFormat="1" ht="31.5" customHeight="1" thickBot="1" x14ac:dyDescent="0.25">
      <c r="B4" s="6" t="s">
        <v>214</v>
      </c>
      <c r="C4" s="7" t="s">
        <v>215</v>
      </c>
    </row>
    <row r="5" spans="2:3" s="1" customFormat="1" ht="31.5" customHeight="1" thickBot="1" x14ac:dyDescent="0.25">
      <c r="B5" s="6" t="s">
        <v>216</v>
      </c>
      <c r="C5" s="7" t="s">
        <v>217</v>
      </c>
    </row>
    <row r="6" spans="2:3" s="1" customFormat="1" ht="31.5" customHeight="1" thickBot="1" x14ac:dyDescent="0.25">
      <c r="B6" s="6" t="s">
        <v>218</v>
      </c>
      <c r="C6" s="7" t="s">
        <v>219</v>
      </c>
    </row>
    <row r="7" spans="2:3" s="1" customFormat="1" ht="31.5" customHeight="1" thickBot="1" x14ac:dyDescent="0.25">
      <c r="B7" s="6" t="s">
        <v>220</v>
      </c>
      <c r="C7" s="7" t="s">
        <v>324</v>
      </c>
    </row>
    <row r="8" spans="2:3" s="1" customFormat="1" ht="31.5" customHeight="1" thickBot="1" x14ac:dyDescent="0.25">
      <c r="B8" s="6" t="s">
        <v>221</v>
      </c>
      <c r="C8" s="7" t="s">
        <v>222</v>
      </c>
    </row>
    <row r="9" spans="2:3" s="1" customFormat="1" ht="31.5" customHeight="1" thickBot="1" x14ac:dyDescent="0.25">
      <c r="B9" s="6" t="s">
        <v>223</v>
      </c>
      <c r="C9" s="7" t="s">
        <v>224</v>
      </c>
    </row>
    <row r="10" spans="2:3" s="1" customFormat="1" ht="31.5" customHeight="1" thickBot="1" x14ac:dyDescent="0.25">
      <c r="B10" s="6" t="s">
        <v>225</v>
      </c>
      <c r="C10" s="7" t="s">
        <v>226</v>
      </c>
    </row>
    <row r="11" spans="2:3" s="1" customFormat="1" ht="31.5" customHeight="1" thickBot="1" x14ac:dyDescent="0.25">
      <c r="B11" s="6" t="s">
        <v>227</v>
      </c>
      <c r="C11" s="7" t="s">
        <v>228</v>
      </c>
    </row>
    <row r="12" spans="2:3" s="1" customFormat="1" ht="31.5" customHeight="1" thickBot="1" x14ac:dyDescent="0.25">
      <c r="B12" s="6" t="s">
        <v>229</v>
      </c>
      <c r="C12" s="7" t="s">
        <v>230</v>
      </c>
    </row>
    <row r="13" spans="2:3" s="1" customFormat="1" ht="31.5" customHeight="1" thickBot="1" x14ac:dyDescent="0.25">
      <c r="B13" s="6" t="s">
        <v>231</v>
      </c>
      <c r="C13" s="7" t="s">
        <v>232</v>
      </c>
    </row>
    <row r="14" spans="2:3" s="1" customFormat="1" ht="31.5" customHeight="1" thickBot="1" x14ac:dyDescent="0.25">
      <c r="B14" s="6" t="s">
        <v>233</v>
      </c>
      <c r="C14" s="7" t="s">
        <v>245</v>
      </c>
    </row>
    <row r="15" spans="2:3" s="1" customFormat="1" ht="31.5" customHeight="1" thickBot="1" x14ac:dyDescent="0.25">
      <c r="B15" s="6" t="s">
        <v>234</v>
      </c>
      <c r="C15" s="7" t="s">
        <v>235</v>
      </c>
    </row>
    <row r="16" spans="2:3" s="1" customFormat="1" ht="31.5" customHeight="1" thickBot="1" x14ac:dyDescent="0.25">
      <c r="B16" s="6" t="s">
        <v>236</v>
      </c>
      <c r="C16" s="7" t="s">
        <v>237</v>
      </c>
    </row>
    <row r="17" spans="2:3" s="1" customFormat="1" ht="31.5" customHeight="1" thickBot="1" x14ac:dyDescent="0.25">
      <c r="B17" s="6" t="s">
        <v>238</v>
      </c>
      <c r="C17" s="7" t="s">
        <v>239</v>
      </c>
    </row>
    <row r="18" spans="2:3" s="1" customFormat="1" ht="31.5" customHeight="1" thickBot="1" x14ac:dyDescent="0.25">
      <c r="B18" s="6" t="s">
        <v>240</v>
      </c>
      <c r="C18" s="7" t="s">
        <v>241</v>
      </c>
    </row>
    <row r="19" spans="2:3" s="1" customFormat="1" ht="31.5" customHeight="1" thickBot="1" x14ac:dyDescent="0.25">
      <c r="B19" s="6" t="s">
        <v>242</v>
      </c>
      <c r="C19" s="7" t="s">
        <v>243</v>
      </c>
    </row>
  </sheetData>
  <phoneticPr fontId="1"/>
  <pageMargins left="0.9055118110236221" right="0.70866141732283472" top="0.94488188976377963" bottom="0.94488188976377963" header="0.31496062992125984" footer="0.31496062992125984"/>
  <pageSetup paperSize="9" scale="9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1:L32"/>
  <sheetViews>
    <sheetView view="pageBreakPreview" zoomScaleNormal="100" zoomScaleSheetLayoutView="100" workbookViewId="0">
      <selection activeCell="L7" sqref="L7"/>
    </sheetView>
  </sheetViews>
  <sheetFormatPr defaultColWidth="9" defaultRowHeight="14.4" x14ac:dyDescent="0.2"/>
  <cols>
    <col min="1" max="1" width="9" style="8"/>
    <col min="2" max="2" width="9.8984375" style="8" customWidth="1"/>
    <col min="3" max="3" width="20.19921875" style="8" customWidth="1"/>
    <col min="4" max="4" width="9.8984375" style="8" customWidth="1"/>
    <col min="5" max="5" width="20.19921875" style="8" customWidth="1"/>
    <col min="6" max="6" width="9.8984375" style="8" customWidth="1"/>
    <col min="7" max="7" width="20.19921875" style="8" customWidth="1"/>
    <col min="8" max="8" width="12.69921875" style="8" bestFit="1" customWidth="1"/>
    <col min="9" max="9" width="20.19921875" style="8" customWidth="1"/>
    <col min="10" max="10" width="3.19921875" style="8" customWidth="1"/>
    <col min="11" max="11" width="9" style="8"/>
    <col min="12" max="12" width="17.8984375" style="8" customWidth="1"/>
    <col min="13" max="16384" width="9" style="8"/>
  </cols>
  <sheetData>
    <row r="1" spans="2:12" ht="15" thickBot="1" x14ac:dyDescent="0.25"/>
    <row r="2" spans="2:12" ht="24" customHeight="1" thickTop="1" thickBot="1" x14ac:dyDescent="0.25">
      <c r="B2" s="9" t="s">
        <v>0</v>
      </c>
      <c r="C2" s="10" t="s">
        <v>1</v>
      </c>
      <c r="D2" s="11" t="s">
        <v>296</v>
      </c>
      <c r="E2" s="11"/>
      <c r="F2" s="11"/>
      <c r="G2" s="11"/>
      <c r="H2" s="11"/>
      <c r="I2" s="12" t="s">
        <v>2</v>
      </c>
      <c r="J2" s="13"/>
    </row>
    <row r="3" spans="2:12" ht="19.5" customHeight="1" thickTop="1" x14ac:dyDescent="0.2">
      <c r="B3" s="14" t="s">
        <v>3</v>
      </c>
      <c r="C3" s="15" t="s">
        <v>4</v>
      </c>
      <c r="D3" s="16" t="s">
        <v>5</v>
      </c>
      <c r="E3" s="17" t="s">
        <v>6</v>
      </c>
      <c r="F3" s="16" t="s">
        <v>129</v>
      </c>
      <c r="G3" s="18" t="s">
        <v>130</v>
      </c>
      <c r="H3" s="19" t="s">
        <v>100</v>
      </c>
      <c r="I3" s="20" t="s">
        <v>101</v>
      </c>
      <c r="J3" s="13"/>
      <c r="K3" s="50"/>
      <c r="L3" s="50"/>
    </row>
    <row r="4" spans="2:12" ht="19.5" customHeight="1" x14ac:dyDescent="0.2">
      <c r="B4" s="21" t="s">
        <v>11</v>
      </c>
      <c r="C4" s="22" t="s">
        <v>297</v>
      </c>
      <c r="D4" s="23" t="s">
        <v>276</v>
      </c>
      <c r="E4" s="24" t="s">
        <v>286</v>
      </c>
      <c r="F4" s="25" t="s">
        <v>117</v>
      </c>
      <c r="G4" s="26" t="s">
        <v>298</v>
      </c>
      <c r="H4" s="27" t="s">
        <v>105</v>
      </c>
      <c r="I4" s="28" t="s">
        <v>106</v>
      </c>
      <c r="J4" s="13"/>
      <c r="K4" s="29"/>
      <c r="L4" s="11"/>
    </row>
    <row r="5" spans="2:12" ht="19.5" customHeight="1" x14ac:dyDescent="0.2">
      <c r="B5" s="83" t="s">
        <v>16</v>
      </c>
      <c r="C5" s="84" t="s">
        <v>17</v>
      </c>
      <c r="D5" s="87" t="s">
        <v>287</v>
      </c>
      <c r="E5" s="77" t="s">
        <v>288</v>
      </c>
      <c r="F5" s="30" t="s">
        <v>122</v>
      </c>
      <c r="G5" s="31" t="s">
        <v>123</v>
      </c>
      <c r="H5" s="23" t="s">
        <v>292</v>
      </c>
      <c r="I5" s="32" t="s">
        <v>293</v>
      </c>
      <c r="J5" s="13"/>
      <c r="K5" s="29"/>
      <c r="L5" s="50"/>
    </row>
    <row r="6" spans="2:12" ht="19.5" customHeight="1" x14ac:dyDescent="0.2">
      <c r="B6" s="83"/>
      <c r="C6" s="84"/>
      <c r="D6" s="88"/>
      <c r="E6" s="79"/>
      <c r="F6" s="30" t="s">
        <v>138</v>
      </c>
      <c r="G6" s="31" t="s">
        <v>139</v>
      </c>
      <c r="H6" s="23" t="s">
        <v>112</v>
      </c>
      <c r="I6" s="32" t="s">
        <v>294</v>
      </c>
      <c r="J6" s="13"/>
      <c r="K6" s="33"/>
    </row>
    <row r="7" spans="2:12" ht="19.5" customHeight="1" x14ac:dyDescent="0.2">
      <c r="B7" s="21" t="s">
        <v>26</v>
      </c>
      <c r="C7" s="34" t="s">
        <v>27</v>
      </c>
      <c r="D7" s="87" t="s">
        <v>289</v>
      </c>
      <c r="E7" s="77" t="s">
        <v>285</v>
      </c>
      <c r="F7" s="30" t="s">
        <v>134</v>
      </c>
      <c r="G7" s="31" t="s">
        <v>135</v>
      </c>
      <c r="H7" s="35" t="s">
        <v>124</v>
      </c>
      <c r="I7" s="36" t="s">
        <v>125</v>
      </c>
      <c r="J7" s="13"/>
      <c r="K7" s="33"/>
    </row>
    <row r="8" spans="2:12" ht="19.5" customHeight="1" x14ac:dyDescent="0.2">
      <c r="B8" s="21" t="s">
        <v>34</v>
      </c>
      <c r="C8" s="34" t="s">
        <v>299</v>
      </c>
      <c r="D8" s="88"/>
      <c r="E8" s="79"/>
      <c r="F8" s="37" t="s">
        <v>208</v>
      </c>
      <c r="G8" s="22" t="s">
        <v>300</v>
      </c>
      <c r="H8" s="30" t="s">
        <v>131</v>
      </c>
      <c r="I8" s="38" t="s">
        <v>132</v>
      </c>
      <c r="J8" s="13"/>
      <c r="K8" s="29"/>
    </row>
    <row r="9" spans="2:12" ht="19.5" customHeight="1" x14ac:dyDescent="0.2">
      <c r="B9" s="83" t="s">
        <v>39</v>
      </c>
      <c r="C9" s="84" t="s">
        <v>40</v>
      </c>
      <c r="D9" s="30" t="s">
        <v>204</v>
      </c>
      <c r="E9" s="24" t="s">
        <v>205</v>
      </c>
      <c r="F9" s="37" t="s">
        <v>209</v>
      </c>
      <c r="G9" s="22" t="s">
        <v>301</v>
      </c>
      <c r="H9" s="30" t="s">
        <v>136</v>
      </c>
      <c r="I9" s="38" t="s">
        <v>137</v>
      </c>
      <c r="J9" s="13"/>
    </row>
    <row r="10" spans="2:12" ht="19.5" customHeight="1" x14ac:dyDescent="0.2">
      <c r="B10" s="83"/>
      <c r="C10" s="84"/>
      <c r="D10" s="85" t="s">
        <v>28</v>
      </c>
      <c r="E10" s="86" t="s">
        <v>29</v>
      </c>
      <c r="F10" s="37" t="s">
        <v>7</v>
      </c>
      <c r="G10" s="22" t="s">
        <v>8</v>
      </c>
      <c r="H10" s="30" t="s">
        <v>181</v>
      </c>
      <c r="I10" s="38" t="s">
        <v>182</v>
      </c>
      <c r="J10" s="13"/>
    </row>
    <row r="11" spans="2:12" ht="19.5" customHeight="1" x14ac:dyDescent="0.2">
      <c r="B11" s="21" t="s">
        <v>50</v>
      </c>
      <c r="C11" s="22" t="s">
        <v>302</v>
      </c>
      <c r="D11" s="85"/>
      <c r="E11" s="86"/>
      <c r="F11" s="37" t="s">
        <v>12</v>
      </c>
      <c r="G11" s="22" t="s">
        <v>13</v>
      </c>
      <c r="H11" s="76" t="s">
        <v>327</v>
      </c>
      <c r="I11" s="38" t="s">
        <v>328</v>
      </c>
      <c r="J11" s="13"/>
    </row>
    <row r="12" spans="2:12" ht="19.5" customHeight="1" x14ac:dyDescent="0.2">
      <c r="B12" s="89" t="s">
        <v>55</v>
      </c>
      <c r="C12" s="84" t="s">
        <v>56</v>
      </c>
      <c r="D12" s="80" t="s">
        <v>41</v>
      </c>
      <c r="E12" s="77" t="s">
        <v>42</v>
      </c>
      <c r="F12" s="37" t="s">
        <v>18</v>
      </c>
      <c r="G12" s="22" t="s">
        <v>19</v>
      </c>
      <c r="H12" s="70" t="s">
        <v>140</v>
      </c>
      <c r="I12" s="38" t="s">
        <v>141</v>
      </c>
      <c r="J12" s="13"/>
    </row>
    <row r="13" spans="2:12" ht="19.5" customHeight="1" x14ac:dyDescent="0.2">
      <c r="B13" s="89"/>
      <c r="C13" s="84"/>
      <c r="D13" s="82"/>
      <c r="E13" s="79"/>
      <c r="F13" s="37" t="s">
        <v>22</v>
      </c>
      <c r="G13" s="22" t="s">
        <v>23</v>
      </c>
      <c r="H13" s="70" t="s">
        <v>9</v>
      </c>
      <c r="I13" s="38" t="s">
        <v>10</v>
      </c>
      <c r="J13" s="13"/>
    </row>
    <row r="14" spans="2:12" ht="19.5" customHeight="1" x14ac:dyDescent="0.2">
      <c r="B14" s="39" t="s">
        <v>68</v>
      </c>
      <c r="C14" s="22" t="s">
        <v>69</v>
      </c>
      <c r="D14" s="30" t="s">
        <v>57</v>
      </c>
      <c r="E14" s="31" t="s">
        <v>58</v>
      </c>
      <c r="F14" s="37" t="s">
        <v>30</v>
      </c>
      <c r="G14" s="22" t="s">
        <v>31</v>
      </c>
      <c r="H14" s="70" t="s">
        <v>14</v>
      </c>
      <c r="I14" s="38" t="s">
        <v>15</v>
      </c>
      <c r="J14" s="13"/>
    </row>
    <row r="15" spans="2:12" ht="19.5" customHeight="1" x14ac:dyDescent="0.2">
      <c r="B15" s="21" t="s">
        <v>75</v>
      </c>
      <c r="C15" s="22" t="s">
        <v>76</v>
      </c>
      <c r="D15" s="27" t="s">
        <v>62</v>
      </c>
      <c r="E15" s="40" t="s">
        <v>63</v>
      </c>
      <c r="F15" s="37" t="s">
        <v>35</v>
      </c>
      <c r="G15" s="22" t="s">
        <v>36</v>
      </c>
      <c r="H15" s="70" t="s">
        <v>20</v>
      </c>
      <c r="I15" s="38" t="s">
        <v>21</v>
      </c>
      <c r="J15" s="13"/>
    </row>
    <row r="16" spans="2:12" ht="19.5" customHeight="1" x14ac:dyDescent="0.2">
      <c r="B16" s="21" t="s">
        <v>81</v>
      </c>
      <c r="C16" s="22" t="s">
        <v>82</v>
      </c>
      <c r="D16" s="80" t="s">
        <v>70</v>
      </c>
      <c r="E16" s="77" t="s">
        <v>202</v>
      </c>
      <c r="F16" s="37" t="s">
        <v>203</v>
      </c>
      <c r="G16" s="22" t="s">
        <v>197</v>
      </c>
      <c r="H16" s="70" t="s">
        <v>24</v>
      </c>
      <c r="I16" s="38" t="s">
        <v>25</v>
      </c>
      <c r="J16" s="13"/>
    </row>
    <row r="17" spans="2:10" ht="19.5" customHeight="1" x14ac:dyDescent="0.2">
      <c r="B17" s="21" t="s">
        <v>86</v>
      </c>
      <c r="C17" s="22" t="s">
        <v>87</v>
      </c>
      <c r="D17" s="81"/>
      <c r="E17" s="78"/>
      <c r="F17" s="37" t="s">
        <v>43</v>
      </c>
      <c r="G17" s="22" t="s">
        <v>44</v>
      </c>
      <c r="H17" s="70" t="s">
        <v>32</v>
      </c>
      <c r="I17" s="38" t="s">
        <v>33</v>
      </c>
      <c r="J17" s="13"/>
    </row>
    <row r="18" spans="2:10" ht="19.5" customHeight="1" x14ac:dyDescent="0.2">
      <c r="B18" s="83" t="s">
        <v>93</v>
      </c>
      <c r="C18" s="84" t="s">
        <v>94</v>
      </c>
      <c r="D18" s="82"/>
      <c r="E18" s="79"/>
      <c r="F18" s="37" t="s">
        <v>47</v>
      </c>
      <c r="G18" s="22" t="s">
        <v>48</v>
      </c>
      <c r="H18" s="70" t="s">
        <v>37</v>
      </c>
      <c r="I18" s="38" t="s">
        <v>38</v>
      </c>
      <c r="J18" s="13"/>
    </row>
    <row r="19" spans="2:10" ht="19.5" customHeight="1" x14ac:dyDescent="0.2">
      <c r="B19" s="83"/>
      <c r="C19" s="92"/>
      <c r="D19" s="30" t="s">
        <v>88</v>
      </c>
      <c r="E19" s="31" t="s">
        <v>303</v>
      </c>
      <c r="F19" s="37" t="s">
        <v>51</v>
      </c>
      <c r="G19" s="22" t="s">
        <v>52</v>
      </c>
      <c r="H19" s="70" t="s">
        <v>45</v>
      </c>
      <c r="I19" s="38" t="s">
        <v>46</v>
      </c>
      <c r="J19" s="13"/>
    </row>
    <row r="20" spans="2:10" ht="19.5" customHeight="1" x14ac:dyDescent="0.2">
      <c r="B20" s="21" t="s">
        <v>102</v>
      </c>
      <c r="C20" s="22" t="s">
        <v>304</v>
      </c>
      <c r="D20" s="30" t="s">
        <v>95</v>
      </c>
      <c r="E20" s="31" t="s">
        <v>305</v>
      </c>
      <c r="F20" s="37" t="s">
        <v>59</v>
      </c>
      <c r="G20" s="22" t="s">
        <v>60</v>
      </c>
      <c r="H20" s="70" t="s">
        <v>206</v>
      </c>
      <c r="I20" s="38" t="s">
        <v>207</v>
      </c>
      <c r="J20" s="13"/>
    </row>
    <row r="21" spans="2:10" ht="19.5" customHeight="1" x14ac:dyDescent="0.2">
      <c r="B21" s="21" t="s">
        <v>109</v>
      </c>
      <c r="C21" s="22" t="s">
        <v>110</v>
      </c>
      <c r="D21" s="30" t="s">
        <v>244</v>
      </c>
      <c r="E21" s="31" t="s">
        <v>307</v>
      </c>
      <c r="F21" s="37" t="s">
        <v>64</v>
      </c>
      <c r="G21" s="22" t="s">
        <v>65</v>
      </c>
      <c r="H21" s="70" t="s">
        <v>49</v>
      </c>
      <c r="I21" s="38" t="s">
        <v>306</v>
      </c>
      <c r="J21" s="13"/>
    </row>
    <row r="22" spans="2:10" ht="19.5" customHeight="1" x14ac:dyDescent="0.2">
      <c r="B22" s="21" t="s">
        <v>115</v>
      </c>
      <c r="C22" s="22" t="s">
        <v>116</v>
      </c>
      <c r="D22" s="41" t="s">
        <v>98</v>
      </c>
      <c r="E22" s="31" t="s">
        <v>99</v>
      </c>
      <c r="F22" s="37" t="s">
        <v>71</v>
      </c>
      <c r="G22" s="22" t="s">
        <v>72</v>
      </c>
      <c r="H22" s="70" t="s">
        <v>53</v>
      </c>
      <c r="I22" s="38" t="s">
        <v>54</v>
      </c>
      <c r="J22" s="13"/>
    </row>
    <row r="23" spans="2:10" ht="19.5" customHeight="1" x14ac:dyDescent="0.2">
      <c r="B23" s="21" t="s">
        <v>120</v>
      </c>
      <c r="C23" s="22" t="s">
        <v>121</v>
      </c>
      <c r="D23" s="41" t="s">
        <v>277</v>
      </c>
      <c r="E23" s="42" t="s">
        <v>280</v>
      </c>
      <c r="F23" s="37" t="s">
        <v>77</v>
      </c>
      <c r="G23" s="22" t="s">
        <v>78</v>
      </c>
      <c r="H23" s="70" t="s">
        <v>61</v>
      </c>
      <c r="I23" s="38" t="s">
        <v>308</v>
      </c>
      <c r="J23" s="13"/>
    </row>
    <row r="24" spans="2:10" ht="19.5" customHeight="1" x14ac:dyDescent="0.2">
      <c r="B24" s="89" t="s">
        <v>128</v>
      </c>
      <c r="C24" s="84" t="s">
        <v>295</v>
      </c>
      <c r="D24" s="41" t="s">
        <v>278</v>
      </c>
      <c r="E24" s="42" t="s">
        <v>279</v>
      </c>
      <c r="F24" s="37" t="s">
        <v>83</v>
      </c>
      <c r="G24" s="22" t="s">
        <v>309</v>
      </c>
      <c r="H24" s="70" t="s">
        <v>66</v>
      </c>
      <c r="I24" s="38" t="s">
        <v>67</v>
      </c>
      <c r="J24" s="13"/>
    </row>
    <row r="25" spans="2:10" ht="19.5" customHeight="1" x14ac:dyDescent="0.2">
      <c r="B25" s="89"/>
      <c r="C25" s="84"/>
      <c r="D25" s="41" t="s">
        <v>103</v>
      </c>
      <c r="E25" s="31" t="s">
        <v>104</v>
      </c>
      <c r="F25" s="37" t="s">
        <v>89</v>
      </c>
      <c r="G25" s="22" t="s">
        <v>90</v>
      </c>
      <c r="H25" s="70" t="s">
        <v>73</v>
      </c>
      <c r="I25" s="38" t="s">
        <v>74</v>
      </c>
      <c r="J25" s="13"/>
    </row>
    <row r="26" spans="2:10" ht="19.5" customHeight="1" thickBot="1" x14ac:dyDescent="0.25">
      <c r="B26" s="90"/>
      <c r="C26" s="91"/>
      <c r="D26" s="43" t="s">
        <v>111</v>
      </c>
      <c r="E26" s="44" t="s">
        <v>310</v>
      </c>
      <c r="F26" s="45" t="s">
        <v>96</v>
      </c>
      <c r="G26" s="46" t="s">
        <v>97</v>
      </c>
      <c r="H26" s="45" t="s">
        <v>79</v>
      </c>
      <c r="I26" s="47" t="s">
        <v>80</v>
      </c>
      <c r="J26" s="13"/>
    </row>
    <row r="27" spans="2:10" ht="19.5" customHeight="1" thickTop="1" x14ac:dyDescent="0.2">
      <c r="B27" s="48"/>
      <c r="C27" s="48"/>
      <c r="D27" s="29"/>
      <c r="E27" s="49"/>
    </row>
    <row r="28" spans="2:10" ht="19.5" customHeight="1" x14ac:dyDescent="0.2">
      <c r="B28" s="48"/>
      <c r="C28" s="48"/>
      <c r="J28" s="13"/>
    </row>
    <row r="29" spans="2:10" ht="19.5" customHeight="1" x14ac:dyDescent="0.2">
      <c r="B29" s="48"/>
      <c r="C29" s="48"/>
      <c r="J29" s="13"/>
    </row>
    <row r="30" spans="2:10" ht="19.5" customHeight="1" x14ac:dyDescent="0.2">
      <c r="B30" s="48"/>
      <c r="C30" s="48"/>
      <c r="H30" s="29"/>
      <c r="I30" s="49"/>
    </row>
    <row r="31" spans="2:10" ht="19.5" customHeight="1" x14ac:dyDescent="0.2">
      <c r="B31" s="48"/>
      <c r="C31" s="48"/>
      <c r="F31" s="48"/>
      <c r="G31" s="48"/>
      <c r="H31" s="48"/>
      <c r="I31" s="48"/>
    </row>
    <row r="32" spans="2:10" ht="19.5" customHeight="1" x14ac:dyDescent="0.2">
      <c r="B32" s="48"/>
      <c r="C32" s="48"/>
      <c r="D32" s="48"/>
      <c r="E32" s="48"/>
      <c r="F32" s="48"/>
      <c r="G32" s="48"/>
      <c r="H32" s="48"/>
      <c r="I32" s="48"/>
    </row>
  </sheetData>
  <mergeCells count="20">
    <mergeCell ref="B24:B26"/>
    <mergeCell ref="C24:C26"/>
    <mergeCell ref="B12:B13"/>
    <mergeCell ref="C12:C13"/>
    <mergeCell ref="B18:B19"/>
    <mergeCell ref="C18:C19"/>
    <mergeCell ref="E16:E18"/>
    <mergeCell ref="D16:D18"/>
    <mergeCell ref="E12:E13"/>
    <mergeCell ref="D12:D13"/>
    <mergeCell ref="B5:B6"/>
    <mergeCell ref="C5:C6"/>
    <mergeCell ref="D10:D11"/>
    <mergeCell ref="E10:E11"/>
    <mergeCell ref="B9:B10"/>
    <mergeCell ref="C9:C10"/>
    <mergeCell ref="E7:E8"/>
    <mergeCell ref="D7:D8"/>
    <mergeCell ref="D5:D6"/>
    <mergeCell ref="E5:E6"/>
  </mergeCells>
  <phoneticPr fontId="1"/>
  <pageMargins left="0.9055118110236221" right="0.70866141732283472" top="1.1417322834645669" bottom="0.55118110236220474" header="0.31496062992125984" footer="0.31496062992125984"/>
  <pageSetup paperSize="9" scale="95"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B1:L28"/>
  <sheetViews>
    <sheetView tabSelected="1" view="pageBreakPreview" zoomScaleNormal="100" zoomScaleSheetLayoutView="100" workbookViewId="0">
      <selection activeCell="N13" sqref="N13"/>
    </sheetView>
  </sheetViews>
  <sheetFormatPr defaultColWidth="9" defaultRowHeight="14.4" x14ac:dyDescent="0.2"/>
  <cols>
    <col min="1" max="1" width="9" style="8"/>
    <col min="2" max="2" width="9.8984375" style="8" customWidth="1"/>
    <col min="3" max="3" width="20.19921875" style="8" customWidth="1"/>
    <col min="4" max="4" width="9.8984375" style="8" customWidth="1"/>
    <col min="5" max="5" width="21.796875" style="13" customWidth="1"/>
    <col min="6" max="6" width="9.8984375" style="8" customWidth="1"/>
    <col min="7" max="7" width="20.19921875" style="13" customWidth="1"/>
    <col min="8" max="8" width="9.8984375" style="8" customWidth="1"/>
    <col min="9" max="9" width="19.09765625" style="8" customWidth="1"/>
    <col min="10" max="11" width="9" style="8"/>
    <col min="12" max="12" width="17.8984375" style="8" customWidth="1"/>
    <col min="13" max="16384" width="9" style="8"/>
  </cols>
  <sheetData>
    <row r="1" spans="2:12" ht="15" thickBot="1" x14ac:dyDescent="0.25">
      <c r="D1" s="11"/>
      <c r="E1" s="11"/>
      <c r="F1" s="50"/>
      <c r="G1" s="11"/>
      <c r="H1" s="29"/>
      <c r="I1" s="11"/>
    </row>
    <row r="2" spans="2:12" ht="24" customHeight="1" thickTop="1" thickBot="1" x14ac:dyDescent="0.25">
      <c r="B2" s="9" t="s">
        <v>0</v>
      </c>
      <c r="C2" s="10" t="s">
        <v>1</v>
      </c>
      <c r="F2" s="11"/>
      <c r="G2" s="11"/>
      <c r="H2" s="29"/>
      <c r="I2" s="11"/>
      <c r="J2" s="13"/>
    </row>
    <row r="3" spans="2:12" ht="19.5" customHeight="1" thickTop="1" x14ac:dyDescent="0.2">
      <c r="B3" s="69" t="s">
        <v>199</v>
      </c>
      <c r="C3" s="31" t="s">
        <v>311</v>
      </c>
      <c r="D3" s="16" t="s">
        <v>251</v>
      </c>
      <c r="E3" s="18" t="s">
        <v>264</v>
      </c>
      <c r="F3" s="16" t="s">
        <v>312</v>
      </c>
      <c r="G3" s="18" t="s">
        <v>313</v>
      </c>
      <c r="H3" s="16"/>
      <c r="I3" s="53"/>
      <c r="J3" s="13"/>
    </row>
    <row r="4" spans="2:12" ht="19.5" customHeight="1" x14ac:dyDescent="0.2">
      <c r="B4" s="72" t="s">
        <v>84</v>
      </c>
      <c r="C4" s="73" t="s">
        <v>85</v>
      </c>
      <c r="D4" s="70" t="s">
        <v>268</v>
      </c>
      <c r="E4" s="31" t="s">
        <v>269</v>
      </c>
      <c r="F4" s="70" t="s">
        <v>314</v>
      </c>
      <c r="G4" s="31" t="s">
        <v>315</v>
      </c>
      <c r="H4" s="30"/>
      <c r="I4" s="38"/>
      <c r="J4" s="13"/>
    </row>
    <row r="5" spans="2:12" ht="19.5" customHeight="1" x14ac:dyDescent="0.2">
      <c r="B5" s="51" t="s">
        <v>91</v>
      </c>
      <c r="C5" s="71" t="s">
        <v>92</v>
      </c>
      <c r="D5" s="35" t="s">
        <v>166</v>
      </c>
      <c r="E5" s="73" t="s">
        <v>167</v>
      </c>
      <c r="F5" s="35" t="s">
        <v>316</v>
      </c>
      <c r="G5" s="74" t="s">
        <v>317</v>
      </c>
      <c r="H5" s="30"/>
      <c r="I5" s="55"/>
      <c r="J5" s="13"/>
    </row>
    <row r="6" spans="2:12" ht="19.5" customHeight="1" x14ac:dyDescent="0.2">
      <c r="B6" s="51" t="s">
        <v>290</v>
      </c>
      <c r="C6" s="71" t="s">
        <v>291</v>
      </c>
      <c r="D6" s="70" t="s">
        <v>168</v>
      </c>
      <c r="E6" s="71" t="s">
        <v>169</v>
      </c>
      <c r="F6" s="70" t="s">
        <v>174</v>
      </c>
      <c r="G6" s="31" t="s">
        <v>175</v>
      </c>
      <c r="H6" s="30"/>
      <c r="I6" s="55"/>
      <c r="J6" s="13"/>
    </row>
    <row r="7" spans="2:12" ht="19.5" customHeight="1" x14ac:dyDescent="0.2">
      <c r="B7" s="69" t="s">
        <v>107</v>
      </c>
      <c r="C7" s="71" t="s">
        <v>108</v>
      </c>
      <c r="D7" s="70" t="s">
        <v>170</v>
      </c>
      <c r="E7" s="71" t="s">
        <v>171</v>
      </c>
      <c r="F7" s="70" t="s">
        <v>176</v>
      </c>
      <c r="G7" s="31" t="s">
        <v>318</v>
      </c>
      <c r="H7" s="30"/>
      <c r="I7" s="55"/>
      <c r="J7" s="13"/>
    </row>
    <row r="8" spans="2:12" ht="19.5" customHeight="1" x14ac:dyDescent="0.2">
      <c r="B8" s="69" t="s">
        <v>113</v>
      </c>
      <c r="C8" s="71" t="s">
        <v>114</v>
      </c>
      <c r="D8" s="70" t="s">
        <v>172</v>
      </c>
      <c r="E8" s="71" t="s">
        <v>173</v>
      </c>
      <c r="F8" s="56" t="s">
        <v>257</v>
      </c>
      <c r="G8" s="31" t="s">
        <v>258</v>
      </c>
      <c r="H8" s="30"/>
      <c r="I8" s="55"/>
      <c r="J8" s="13"/>
      <c r="K8" s="29"/>
      <c r="L8" s="11"/>
    </row>
    <row r="9" spans="2:12" ht="19.5" customHeight="1" x14ac:dyDescent="0.2">
      <c r="B9" s="69" t="s">
        <v>118</v>
      </c>
      <c r="C9" s="71" t="s">
        <v>119</v>
      </c>
      <c r="D9" s="56" t="s">
        <v>267</v>
      </c>
      <c r="E9" s="31" t="s">
        <v>266</v>
      </c>
      <c r="F9" s="37" t="s">
        <v>273</v>
      </c>
      <c r="G9" s="31" t="s">
        <v>274</v>
      </c>
      <c r="H9" s="30"/>
      <c r="I9" s="55"/>
      <c r="J9" s="13"/>
      <c r="K9" s="29"/>
      <c r="L9" s="11"/>
    </row>
    <row r="10" spans="2:12" ht="19.5" customHeight="1" x14ac:dyDescent="0.2">
      <c r="B10" s="69" t="s">
        <v>126</v>
      </c>
      <c r="C10" s="71" t="s">
        <v>127</v>
      </c>
      <c r="D10" s="56" t="s">
        <v>265</v>
      </c>
      <c r="E10" s="31" t="s">
        <v>263</v>
      </c>
      <c r="F10" s="56" t="s">
        <v>272</v>
      </c>
      <c r="G10" s="31" t="s">
        <v>271</v>
      </c>
      <c r="H10" s="30"/>
      <c r="I10" s="55"/>
      <c r="J10" s="13"/>
    </row>
    <row r="11" spans="2:12" ht="19.5" customHeight="1" x14ac:dyDescent="0.2">
      <c r="B11" s="69" t="s">
        <v>133</v>
      </c>
      <c r="C11" s="71" t="s">
        <v>319</v>
      </c>
      <c r="D11" s="56" t="s">
        <v>261</v>
      </c>
      <c r="E11" s="31" t="s">
        <v>262</v>
      </c>
      <c r="F11" s="56" t="s">
        <v>252</v>
      </c>
      <c r="G11" s="31" t="s">
        <v>253</v>
      </c>
      <c r="H11" s="30"/>
      <c r="I11" s="55"/>
      <c r="J11" s="13"/>
    </row>
    <row r="12" spans="2:12" ht="19.5" customHeight="1" x14ac:dyDescent="0.2">
      <c r="B12" s="69" t="s">
        <v>200</v>
      </c>
      <c r="C12" s="71" t="s">
        <v>201</v>
      </c>
      <c r="D12" s="56" t="s">
        <v>255</v>
      </c>
      <c r="E12" s="31" t="s">
        <v>260</v>
      </c>
      <c r="F12" s="56" t="s">
        <v>183</v>
      </c>
      <c r="G12" s="31" t="s">
        <v>184</v>
      </c>
      <c r="H12" s="30"/>
      <c r="I12" s="55"/>
      <c r="J12" s="13"/>
    </row>
    <row r="13" spans="2:12" ht="19.5" customHeight="1" x14ac:dyDescent="0.2">
      <c r="B13" s="57" t="s">
        <v>281</v>
      </c>
      <c r="C13" s="31" t="s">
        <v>282</v>
      </c>
      <c r="D13" s="56" t="s">
        <v>254</v>
      </c>
      <c r="E13" s="31" t="s">
        <v>259</v>
      </c>
      <c r="F13" s="37" t="s">
        <v>249</v>
      </c>
      <c r="G13" s="71" t="s">
        <v>248</v>
      </c>
      <c r="H13" s="30"/>
      <c r="I13" s="55"/>
      <c r="J13" s="13"/>
    </row>
    <row r="14" spans="2:12" ht="19.5" customHeight="1" x14ac:dyDescent="0.2">
      <c r="B14" s="69" t="s">
        <v>142</v>
      </c>
      <c r="C14" s="34" t="s">
        <v>143</v>
      </c>
      <c r="D14" s="41" t="s">
        <v>283</v>
      </c>
      <c r="E14" s="31" t="s">
        <v>284</v>
      </c>
      <c r="F14" s="37" t="s">
        <v>247</v>
      </c>
      <c r="G14" s="71" t="s">
        <v>246</v>
      </c>
      <c r="H14" s="30"/>
      <c r="I14" s="55"/>
      <c r="J14" s="13"/>
    </row>
    <row r="15" spans="2:12" ht="19.5" customHeight="1" x14ac:dyDescent="0.2">
      <c r="B15" s="75" t="s">
        <v>325</v>
      </c>
      <c r="C15" s="49" t="s">
        <v>326</v>
      </c>
      <c r="D15" s="56" t="s">
        <v>185</v>
      </c>
      <c r="E15" s="31" t="s">
        <v>186</v>
      </c>
      <c r="F15" s="37" t="s">
        <v>189</v>
      </c>
      <c r="G15" s="71" t="s">
        <v>190</v>
      </c>
      <c r="H15" s="30"/>
      <c r="I15" s="55"/>
      <c r="J15" s="13"/>
    </row>
    <row r="16" spans="2:12" ht="19.5" customHeight="1" x14ac:dyDescent="0.2">
      <c r="B16" s="69" t="s">
        <v>275</v>
      </c>
      <c r="C16" s="34" t="s">
        <v>320</v>
      </c>
      <c r="D16" s="70" t="s">
        <v>250</v>
      </c>
      <c r="E16" s="58" t="s">
        <v>321</v>
      </c>
      <c r="F16" s="37"/>
      <c r="G16" s="52"/>
      <c r="H16" s="30"/>
      <c r="I16" s="55"/>
      <c r="J16" s="13"/>
    </row>
    <row r="17" spans="2:10" ht="19.5" customHeight="1" x14ac:dyDescent="0.2">
      <c r="B17" s="69" t="s">
        <v>144</v>
      </c>
      <c r="C17" s="71" t="s">
        <v>145</v>
      </c>
      <c r="D17" s="70" t="s">
        <v>187</v>
      </c>
      <c r="E17" s="31" t="s">
        <v>188</v>
      </c>
      <c r="F17" s="37"/>
      <c r="G17" s="52"/>
      <c r="H17" s="59"/>
      <c r="I17" s="55"/>
      <c r="J17" s="13"/>
    </row>
    <row r="18" spans="2:10" ht="19.5" customHeight="1" x14ac:dyDescent="0.2">
      <c r="B18" s="69" t="s">
        <v>148</v>
      </c>
      <c r="C18" s="71" t="s">
        <v>149</v>
      </c>
      <c r="D18" s="70" t="s">
        <v>198</v>
      </c>
      <c r="E18" s="31" t="s">
        <v>210</v>
      </c>
      <c r="F18" s="37"/>
      <c r="G18" s="52"/>
      <c r="H18" s="59"/>
      <c r="I18" s="55"/>
      <c r="J18" s="13"/>
    </row>
    <row r="19" spans="2:10" ht="19.5" customHeight="1" x14ac:dyDescent="0.2">
      <c r="B19" s="69" t="s">
        <v>152</v>
      </c>
      <c r="C19" s="71" t="s">
        <v>153</v>
      </c>
      <c r="D19" s="70" t="s">
        <v>191</v>
      </c>
      <c r="E19" s="31" t="s">
        <v>192</v>
      </c>
      <c r="F19" s="37"/>
      <c r="G19" s="52"/>
      <c r="H19" s="59"/>
      <c r="I19" s="55"/>
      <c r="J19" s="13"/>
    </row>
    <row r="20" spans="2:10" ht="19.5" customHeight="1" x14ac:dyDescent="0.2">
      <c r="B20" s="69" t="s">
        <v>156</v>
      </c>
      <c r="C20" s="71" t="s">
        <v>157</v>
      </c>
      <c r="D20" s="70" t="s">
        <v>195</v>
      </c>
      <c r="E20" s="31" t="s">
        <v>196</v>
      </c>
      <c r="F20" s="37"/>
      <c r="G20" s="52"/>
      <c r="H20" s="59"/>
      <c r="I20" s="55"/>
      <c r="J20" s="13"/>
    </row>
    <row r="21" spans="2:10" ht="19.5" customHeight="1" x14ac:dyDescent="0.2">
      <c r="B21" s="69" t="s">
        <v>160</v>
      </c>
      <c r="C21" s="71" t="s">
        <v>161</v>
      </c>
      <c r="D21" s="70" t="s">
        <v>146</v>
      </c>
      <c r="E21" s="31" t="s">
        <v>147</v>
      </c>
      <c r="F21" s="60"/>
      <c r="G21" s="52"/>
      <c r="H21" s="59"/>
      <c r="I21" s="55"/>
      <c r="J21" s="13"/>
    </row>
    <row r="22" spans="2:10" ht="19.5" customHeight="1" x14ac:dyDescent="0.2">
      <c r="B22" s="69" t="s">
        <v>256</v>
      </c>
      <c r="C22" s="71" t="s">
        <v>322</v>
      </c>
      <c r="D22" s="70" t="s">
        <v>150</v>
      </c>
      <c r="E22" s="31" t="s">
        <v>151</v>
      </c>
      <c r="F22" s="61"/>
      <c r="G22" s="52"/>
      <c r="H22" s="59"/>
      <c r="I22" s="55"/>
      <c r="J22" s="13"/>
    </row>
    <row r="23" spans="2:10" ht="19.5" customHeight="1" x14ac:dyDescent="0.2">
      <c r="B23" s="69" t="s">
        <v>270</v>
      </c>
      <c r="C23" s="71" t="s">
        <v>323</v>
      </c>
      <c r="D23" s="70" t="s">
        <v>193</v>
      </c>
      <c r="E23" s="31" t="s">
        <v>194</v>
      </c>
      <c r="F23" s="61"/>
      <c r="G23" s="52"/>
      <c r="H23" s="59"/>
      <c r="I23" s="55"/>
      <c r="J23" s="13"/>
    </row>
    <row r="24" spans="2:10" ht="19.5" customHeight="1" x14ac:dyDescent="0.2">
      <c r="B24" s="69" t="s">
        <v>164</v>
      </c>
      <c r="C24" s="71" t="s">
        <v>165</v>
      </c>
      <c r="D24" s="70" t="s">
        <v>154</v>
      </c>
      <c r="E24" s="31" t="s">
        <v>155</v>
      </c>
      <c r="F24" s="61"/>
      <c r="G24" s="52"/>
      <c r="H24" s="62"/>
      <c r="I24" s="63"/>
      <c r="J24" s="13"/>
    </row>
    <row r="25" spans="2:10" ht="19.5" customHeight="1" x14ac:dyDescent="0.2">
      <c r="B25" s="69" t="s">
        <v>179</v>
      </c>
      <c r="C25" s="71" t="s">
        <v>180</v>
      </c>
      <c r="D25" s="70" t="s">
        <v>158</v>
      </c>
      <c r="E25" s="31" t="s">
        <v>159</v>
      </c>
      <c r="F25" s="30"/>
      <c r="G25" s="54"/>
      <c r="H25" s="62"/>
      <c r="I25" s="63"/>
      <c r="J25" s="13"/>
    </row>
    <row r="26" spans="2:10" ht="19.5" customHeight="1" thickBot="1" x14ac:dyDescent="0.25">
      <c r="B26" s="64" t="s">
        <v>177</v>
      </c>
      <c r="C26" s="44" t="s">
        <v>178</v>
      </c>
      <c r="D26" s="43" t="s">
        <v>162</v>
      </c>
      <c r="E26" s="65" t="s">
        <v>163</v>
      </c>
      <c r="F26" s="66"/>
      <c r="G26" s="65"/>
      <c r="H26" s="67"/>
      <c r="I26" s="68"/>
      <c r="J26" s="13"/>
    </row>
    <row r="27" spans="2:10" ht="19.5" customHeight="1" thickTop="1" x14ac:dyDescent="0.2"/>
    <row r="28" spans="2:10" ht="19.5" customHeight="1" x14ac:dyDescent="0.2"/>
  </sheetData>
  <phoneticPr fontId="1"/>
  <pageMargins left="0.9055118110236221" right="0.70866141732283472" top="1.1417322834645669" bottom="0.55118110236220474" header="0.31496062992125984" footer="0.31496062992125984"/>
  <pageSetup paperSize="9" scale="95"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凡例</vt:lpstr>
      <vt:lpstr>診療科目略称 1</vt:lpstr>
      <vt:lpstr>診療科目略称２</vt:lpstr>
      <vt:lpstr>'診療科目略称 1'!Print_Area</vt:lpstr>
      <vt:lpstr>診療科目略称２!Print_Area</vt:lpstr>
      <vt:lpstr>凡例!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6-04T06:00:06Z</cp:lastPrinted>
  <dcterms:created xsi:type="dcterms:W3CDTF">2013-08-05T06:00:40Z</dcterms:created>
  <dcterms:modified xsi:type="dcterms:W3CDTF">2026-06-18T01:35:44Z</dcterms:modified>
</cp:coreProperties>
</file>